
<file path=[Content_Types].xml><?xml version="1.0" encoding="utf-8"?>
<Types xmlns="http://schemas.openxmlformats.org/package/2006/content-types">
  <Default Extension="fntdata" ContentType="application/x-fontdata"/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</p:sldMasterIdLst>
  <p:notesMasterIdLst>
    <p:notesMasterId r:id="rId33"/>
  </p:notes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  <p:sldId id="277" r:id="rId23"/>
    <p:sldId id="278" r:id="rId24"/>
    <p:sldId id="279" r:id="rId25"/>
    <p:sldId id="280" r:id="rId26"/>
    <p:sldId id="281" r:id="rId27"/>
    <p:sldId id="282" r:id="rId28"/>
    <p:sldId id="283" r:id="rId29"/>
    <p:sldId id="284" r:id="rId30"/>
    <p:sldId id="285" r:id="rId31"/>
    <p:sldId id="286" r:id="rId32"/>
  </p:sldIdLst>
  <p:sldSz cx="7200900" cy="12230100"/>
  <p:notesSz cx="6858000" cy="9144000"/>
  <p:embeddedFontLst>
    <p:embeddedFont>
      <p:font typeface="Calibri" panose="020F0502020204030204" pitchFamily="34" charset="0"/>
      <p:regular r:id="rId34"/>
      <p:bold r:id="rId35"/>
      <p:italic r:id="rId36"/>
      <p:boldItalic r:id="rId37"/>
    </p:embeddedFont>
    <p:embeddedFont>
      <p:font typeface="Comic Sans MS" panose="030F0702030302020204" pitchFamily="66" charset="0"/>
      <p:regular r:id="rId38"/>
      <p:bold r:id="rId39"/>
      <p:italic r:id="rId40"/>
      <p:boldItalic r:id="rId41"/>
    </p:embeddedFont>
  </p:embeddedFontLst>
  <p:custDataLst>
    <p:tags r:id="rId4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loop="1" showNarration="1">
    <p:present/>
    <p:sldRg st="1" end="1"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620" autoAdjust="0"/>
    <p:restoredTop sz="28341" autoAdjust="0"/>
  </p:normalViewPr>
  <p:slideViewPr>
    <p:cSldViewPr>
      <p:cViewPr varScale="1">
        <p:scale>
          <a:sx n="47" d="100"/>
          <a:sy n="47" d="100"/>
        </p:scale>
        <p:origin x="2334" y="60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font" Target="fonts/font6.fntdata"/><Relationship Id="rId21" Type="http://schemas.openxmlformats.org/officeDocument/2006/relationships/slide" Target="slides/slide20.xml"/><Relationship Id="rId34" Type="http://schemas.openxmlformats.org/officeDocument/2006/relationships/font" Target="fonts/font1.fntdata"/><Relationship Id="rId42" Type="http://schemas.openxmlformats.org/officeDocument/2006/relationships/tags" Target="tags/tag1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font" Target="fonts/font4.fntdata"/><Relationship Id="rId40" Type="http://schemas.openxmlformats.org/officeDocument/2006/relationships/font" Target="fonts/font7.fntdata"/><Relationship Id="rId45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font" Target="fonts/font3.fntdata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font" Target="fonts/font2.fntdata"/><Relationship Id="rId43" Type="http://schemas.openxmlformats.org/officeDocument/2006/relationships/presProps" Target="presProps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notesMaster" Target="notesMasters/notesMaster1.xml"/><Relationship Id="rId38" Type="http://schemas.openxmlformats.org/officeDocument/2006/relationships/font" Target="fonts/font5.fntdata"/><Relationship Id="rId46" Type="http://schemas.openxmlformats.org/officeDocument/2006/relationships/tableStyles" Target="tableStyles.xml"/><Relationship Id="rId20" Type="http://schemas.openxmlformats.org/officeDocument/2006/relationships/slide" Target="slides/slide19.xml"/><Relationship Id="rId41" Type="http://schemas.openxmlformats.org/officeDocument/2006/relationships/font" Target="fonts/font8.fntdata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ID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FD16EE1-0EDD-4447-ABC0-1276FCBC068A}" type="datetimeFigureOut">
              <a:rPr lang="en-ID" smtClean="0"/>
              <a:t>19/12/2022</a:t>
            </a:fld>
            <a:endParaRPr lang="en-ID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520950" y="1143000"/>
            <a:ext cx="18161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ID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ID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F4FF526-9918-4F37-9383-5EBF30BCF7FA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11626999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05027458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0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46437050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1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57243276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2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39033916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3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25955718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4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60598680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5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958628869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6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297443813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7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89135693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8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4110737853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19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424385095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67806745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0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34308169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1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366478892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2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73882430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3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32020700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4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600200881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5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178876079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6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903912541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7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271959522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8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4092292628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29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14583895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3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25801309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30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114531163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31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420268002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4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70982079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5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36078391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6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50354095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7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54598829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8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12914817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4FF526-9918-4F37-9383-5EBF30BCF7FA}" type="slidenum">
              <a:rPr lang="en-ID" smtClean="0"/>
              <a:t>9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5007439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2/19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10.png"/><Relationship Id="rId18" Type="http://schemas.openxmlformats.org/officeDocument/2006/relationships/image" Target="../media/image15.png"/><Relationship Id="rId3" Type="http://schemas.openxmlformats.org/officeDocument/2006/relationships/notesSlide" Target="../notesSlides/notesSlide1.xml"/><Relationship Id="rId21" Type="http://schemas.openxmlformats.org/officeDocument/2006/relationships/image" Target="../media/image18.png"/><Relationship Id="rId7" Type="http://schemas.openxmlformats.org/officeDocument/2006/relationships/image" Target="../media/image4.png"/><Relationship Id="rId12" Type="http://schemas.openxmlformats.org/officeDocument/2006/relationships/image" Target="../media/image9.svg"/><Relationship Id="rId17" Type="http://schemas.openxmlformats.org/officeDocument/2006/relationships/image" Target="../media/image14.png"/><Relationship Id="rId25" Type="http://schemas.openxmlformats.org/officeDocument/2006/relationships/image" Target="../media/image21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3.svg"/><Relationship Id="rId20" Type="http://schemas.openxmlformats.org/officeDocument/2006/relationships/image" Target="../media/image17.svg"/><Relationship Id="rId1" Type="http://schemas.openxmlformats.org/officeDocument/2006/relationships/tags" Target="../tags/tag2.xml"/><Relationship Id="rId6" Type="http://schemas.openxmlformats.org/officeDocument/2006/relationships/image" Target="../media/image3.svg"/><Relationship Id="rId11" Type="http://schemas.openxmlformats.org/officeDocument/2006/relationships/image" Target="../media/image8.png"/><Relationship Id="rId24" Type="http://schemas.openxmlformats.org/officeDocument/2006/relationships/image" Target="../media/image20.png"/><Relationship Id="rId5" Type="http://schemas.openxmlformats.org/officeDocument/2006/relationships/image" Target="../media/image2.png"/><Relationship Id="rId15" Type="http://schemas.openxmlformats.org/officeDocument/2006/relationships/image" Target="../media/image12.png"/><Relationship Id="rId23" Type="http://schemas.openxmlformats.org/officeDocument/2006/relationships/slide" Target="slide2.xml"/><Relationship Id="rId10" Type="http://schemas.openxmlformats.org/officeDocument/2006/relationships/image" Target="../media/image7.svg"/><Relationship Id="rId19" Type="http://schemas.openxmlformats.org/officeDocument/2006/relationships/image" Target="../media/image16.png"/><Relationship Id="rId4" Type="http://schemas.openxmlformats.org/officeDocument/2006/relationships/image" Target="../media/image1.png"/><Relationship Id="rId9" Type="http://schemas.openxmlformats.org/officeDocument/2006/relationships/image" Target="../media/image6.png"/><Relationship Id="rId14" Type="http://schemas.openxmlformats.org/officeDocument/2006/relationships/image" Target="../media/image11.svg"/><Relationship Id="rId22" Type="http://schemas.openxmlformats.org/officeDocument/2006/relationships/image" Target="../media/image19.sv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6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11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11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slide" Target="slide10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12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37.png"/><Relationship Id="rId9" Type="http://schemas.openxmlformats.org/officeDocument/2006/relationships/image" Target="../media/image14.png"/><Relationship Id="rId14" Type="http://schemas.openxmlformats.org/officeDocument/2006/relationships/slide" Target="slide12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4.svg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1" Type="http://schemas.openxmlformats.org/officeDocument/2006/relationships/tags" Target="../tags/tag13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31.pn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11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8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14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14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slide" Target="slide13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15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15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4.svg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1" Type="http://schemas.openxmlformats.org/officeDocument/2006/relationships/tags" Target="../tags/tag16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31.pn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14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9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17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17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slide" Target="slide16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18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18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4.svg"/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1" Type="http://schemas.openxmlformats.org/officeDocument/2006/relationships/tags" Target="../tags/tag19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31.pn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17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40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20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0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svg"/><Relationship Id="rId13" Type="http://schemas.openxmlformats.org/officeDocument/2006/relationships/image" Target="../media/image23.svg"/><Relationship Id="rId18" Type="http://schemas.openxmlformats.org/officeDocument/2006/relationships/slide" Target="slide3.xml"/><Relationship Id="rId3" Type="http://schemas.openxmlformats.org/officeDocument/2006/relationships/notesSlide" Target="../notesSlides/notesSlide2.xml"/><Relationship Id="rId21" Type="http://schemas.openxmlformats.org/officeDocument/2006/relationships/slide" Target="slide31.xml"/><Relationship Id="rId7" Type="http://schemas.openxmlformats.org/officeDocument/2006/relationships/image" Target="../media/image8.png"/><Relationship Id="rId12" Type="http://schemas.openxmlformats.org/officeDocument/2006/relationships/image" Target="../media/image22.png"/><Relationship Id="rId17" Type="http://schemas.openxmlformats.org/officeDocument/2006/relationships/image" Target="../media/image5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4.png"/><Relationship Id="rId20" Type="http://schemas.openxmlformats.org/officeDocument/2006/relationships/image" Target="../media/image25.svg"/><Relationship Id="rId1" Type="http://schemas.openxmlformats.org/officeDocument/2006/relationships/tags" Target="../tags/tag3.xml"/><Relationship Id="rId6" Type="http://schemas.openxmlformats.org/officeDocument/2006/relationships/image" Target="../media/image15.png"/><Relationship Id="rId11" Type="http://schemas.openxmlformats.org/officeDocument/2006/relationships/slide" Target="slide1.xml"/><Relationship Id="rId5" Type="http://schemas.openxmlformats.org/officeDocument/2006/relationships/image" Target="../media/image14.png"/><Relationship Id="rId15" Type="http://schemas.openxmlformats.org/officeDocument/2006/relationships/image" Target="../media/image3.svg"/><Relationship Id="rId23" Type="http://schemas.openxmlformats.org/officeDocument/2006/relationships/image" Target="../media/image27.svg"/><Relationship Id="rId10" Type="http://schemas.openxmlformats.org/officeDocument/2006/relationships/image" Target="../media/image13.svg"/><Relationship Id="rId19" Type="http://schemas.openxmlformats.org/officeDocument/2006/relationships/image" Target="../media/image24.png"/><Relationship Id="rId4" Type="http://schemas.openxmlformats.org/officeDocument/2006/relationships/image" Target="../media/image1.png"/><Relationship Id="rId9" Type="http://schemas.openxmlformats.org/officeDocument/2006/relationships/image" Target="../media/image12.png"/><Relationship Id="rId14" Type="http://schemas.openxmlformats.org/officeDocument/2006/relationships/image" Target="../media/image2.png"/><Relationship Id="rId22" Type="http://schemas.openxmlformats.org/officeDocument/2006/relationships/image" Target="../media/image26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svg"/><Relationship Id="rId13" Type="http://schemas.openxmlformats.org/officeDocument/2006/relationships/slide" Target="slide3.xml"/><Relationship Id="rId18" Type="http://schemas.openxmlformats.org/officeDocument/2006/relationships/image" Target="../media/image29.svg"/><Relationship Id="rId3" Type="http://schemas.openxmlformats.org/officeDocument/2006/relationships/notesSlide" Target="../notesSlides/notesSlide20.xml"/><Relationship Id="rId21" Type="http://schemas.openxmlformats.org/officeDocument/2006/relationships/image" Target="../media/image32.svg"/><Relationship Id="rId7" Type="http://schemas.openxmlformats.org/officeDocument/2006/relationships/image" Target="../media/image2.png"/><Relationship Id="rId12" Type="http://schemas.openxmlformats.org/officeDocument/2006/relationships/image" Target="../media/image15.png"/><Relationship Id="rId17" Type="http://schemas.openxmlformats.org/officeDocument/2006/relationships/image" Target="../media/image28.png"/><Relationship Id="rId2" Type="http://schemas.openxmlformats.org/officeDocument/2006/relationships/slideLayout" Target="../slideLayouts/slideLayout7.xml"/><Relationship Id="rId16" Type="http://schemas.openxmlformats.org/officeDocument/2006/relationships/slide" Target="slide21.xml"/><Relationship Id="rId20" Type="http://schemas.openxmlformats.org/officeDocument/2006/relationships/image" Target="../media/image31.png"/><Relationship Id="rId1" Type="http://schemas.openxmlformats.org/officeDocument/2006/relationships/tags" Target="../tags/tag21.xml"/><Relationship Id="rId6" Type="http://schemas.openxmlformats.org/officeDocument/2006/relationships/image" Target="../media/image42.svg"/><Relationship Id="rId11" Type="http://schemas.openxmlformats.org/officeDocument/2006/relationships/image" Target="../media/image14.png"/><Relationship Id="rId5" Type="http://schemas.openxmlformats.org/officeDocument/2006/relationships/image" Target="../media/image41.png"/><Relationship Id="rId15" Type="http://schemas.openxmlformats.org/officeDocument/2006/relationships/image" Target="../media/image25.svg"/><Relationship Id="rId10" Type="http://schemas.openxmlformats.org/officeDocument/2006/relationships/image" Target="../media/image5.svg"/><Relationship Id="rId19" Type="http://schemas.openxmlformats.org/officeDocument/2006/relationships/slide" Target="slide19.xml"/><Relationship Id="rId4" Type="http://schemas.openxmlformats.org/officeDocument/2006/relationships/image" Target="../media/image1.png"/><Relationship Id="rId9" Type="http://schemas.openxmlformats.org/officeDocument/2006/relationships/image" Target="../media/image4.png"/><Relationship Id="rId14" Type="http://schemas.openxmlformats.org/officeDocument/2006/relationships/image" Target="../media/image24.pn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4.svg"/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1" Type="http://schemas.openxmlformats.org/officeDocument/2006/relationships/tags" Target="../tags/tag22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31.pn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0.xml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4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23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3.xml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slide" Target="slide22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24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4.xml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4.svg"/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1" Type="http://schemas.openxmlformats.org/officeDocument/2006/relationships/tags" Target="../tags/tag25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31.pn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3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25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44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26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6.xml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26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slide" Target="slide25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27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7.xml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4.svg"/><Relationship Id="rId3" Type="http://schemas.openxmlformats.org/officeDocument/2006/relationships/notesSlide" Target="../notesSlides/notesSlide27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1" Type="http://schemas.openxmlformats.org/officeDocument/2006/relationships/tags" Target="../tags/tag28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31.pn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6.xml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28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45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29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9.xml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29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slide" Target="slide28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30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30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13" Type="http://schemas.openxmlformats.org/officeDocument/2006/relationships/image" Target="../media/image22.png"/><Relationship Id="rId18" Type="http://schemas.openxmlformats.org/officeDocument/2006/relationships/slide" Target="slide7.xml"/><Relationship Id="rId3" Type="http://schemas.openxmlformats.org/officeDocument/2006/relationships/notesSlide" Target="../notesSlides/notesSlide3.xml"/><Relationship Id="rId21" Type="http://schemas.openxmlformats.org/officeDocument/2006/relationships/slide" Target="slide28.xml"/><Relationship Id="rId7" Type="http://schemas.openxmlformats.org/officeDocument/2006/relationships/image" Target="../media/image14.png"/><Relationship Id="rId12" Type="http://schemas.openxmlformats.org/officeDocument/2006/relationships/slide" Target="slide2.xml"/><Relationship Id="rId17" Type="http://schemas.openxmlformats.org/officeDocument/2006/relationships/slide" Target="slide4.xml"/><Relationship Id="rId25" Type="http://schemas.openxmlformats.org/officeDocument/2006/relationships/slide" Target="slide16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.svg"/><Relationship Id="rId20" Type="http://schemas.openxmlformats.org/officeDocument/2006/relationships/slide" Target="slide13.xml"/><Relationship Id="rId1" Type="http://schemas.openxmlformats.org/officeDocument/2006/relationships/tags" Target="../tags/tag4.xml"/><Relationship Id="rId6" Type="http://schemas.openxmlformats.org/officeDocument/2006/relationships/image" Target="../media/image5.svg"/><Relationship Id="rId11" Type="http://schemas.openxmlformats.org/officeDocument/2006/relationships/image" Target="../media/image25.svg"/><Relationship Id="rId24" Type="http://schemas.openxmlformats.org/officeDocument/2006/relationships/slide" Target="slide19.xml"/><Relationship Id="rId5" Type="http://schemas.openxmlformats.org/officeDocument/2006/relationships/image" Target="../media/image4.png"/><Relationship Id="rId15" Type="http://schemas.openxmlformats.org/officeDocument/2006/relationships/image" Target="../media/image2.png"/><Relationship Id="rId23" Type="http://schemas.openxmlformats.org/officeDocument/2006/relationships/slide" Target="slide22.xml"/><Relationship Id="rId10" Type="http://schemas.openxmlformats.org/officeDocument/2006/relationships/image" Target="../media/image24.png"/><Relationship Id="rId19" Type="http://schemas.openxmlformats.org/officeDocument/2006/relationships/slide" Target="slide25.xml"/><Relationship Id="rId4" Type="http://schemas.openxmlformats.org/officeDocument/2006/relationships/image" Target="../media/image1.png"/><Relationship Id="rId9" Type="http://schemas.openxmlformats.org/officeDocument/2006/relationships/slide" Target="slide1.xml"/><Relationship Id="rId14" Type="http://schemas.openxmlformats.org/officeDocument/2006/relationships/image" Target="../media/image23.svg"/><Relationship Id="rId22" Type="http://schemas.openxmlformats.org/officeDocument/2006/relationships/slide" Target="slide10.xml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4.svg"/><Relationship Id="rId3" Type="http://schemas.openxmlformats.org/officeDocument/2006/relationships/notesSlide" Target="../notesSlides/notesSlide30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1" Type="http://schemas.openxmlformats.org/officeDocument/2006/relationships/tags" Target="../tags/tag31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31.pn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29.xml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3" Type="http://schemas.openxmlformats.org/officeDocument/2006/relationships/notesSlide" Target="../notesSlides/notesSlide31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1" Type="http://schemas.openxmlformats.org/officeDocument/2006/relationships/tags" Target="../tags/tag32.xml"/><Relationship Id="rId6" Type="http://schemas.openxmlformats.org/officeDocument/2006/relationships/image" Target="../media/image3.svg"/><Relationship Id="rId11" Type="http://schemas.openxmlformats.org/officeDocument/2006/relationships/slide" Target="slide2.xml"/><Relationship Id="rId5" Type="http://schemas.openxmlformats.org/officeDocument/2006/relationships/image" Target="../media/image2.png"/><Relationship Id="rId15" Type="http://schemas.openxmlformats.org/officeDocument/2006/relationships/image" Target="../media/image31.pn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hyperlink" Target="https://quizzory.in/id/638eecbebfe3746758ad9096" TargetMode="Externa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0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5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5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slide" Target="slide4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6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6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2.sv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1.png"/><Relationship Id="rId2" Type="http://schemas.openxmlformats.org/officeDocument/2006/relationships/slideLayout" Target="../slideLayouts/slideLayout7.xml"/><Relationship Id="rId16" Type="http://schemas.openxmlformats.org/officeDocument/2006/relationships/slide" Target="slide5.xml"/><Relationship Id="rId1" Type="http://schemas.openxmlformats.org/officeDocument/2006/relationships/tags" Target="../tags/tag7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34.sv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image" Target="../media/image3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5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8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8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slide" Target="slide7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9.svg"/><Relationship Id="rId1" Type="http://schemas.openxmlformats.org/officeDocument/2006/relationships/tags" Target="../tags/tag9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28.png"/><Relationship Id="rId10" Type="http://schemas.openxmlformats.org/officeDocument/2006/relationships/image" Target="../media/image15.png"/><Relationship Id="rId19" Type="http://schemas.openxmlformats.org/officeDocument/2006/relationships/image" Target="../media/image32.sv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9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13" Type="http://schemas.openxmlformats.org/officeDocument/2006/relationships/image" Target="../media/image25.svg"/><Relationship Id="rId18" Type="http://schemas.openxmlformats.org/officeDocument/2006/relationships/image" Target="../media/image34.sv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4.png"/><Relationship Id="rId12" Type="http://schemas.openxmlformats.org/officeDocument/2006/relationships/image" Target="../media/image24.png"/><Relationship Id="rId17" Type="http://schemas.openxmlformats.org/officeDocument/2006/relationships/image" Target="../media/image33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1" Type="http://schemas.openxmlformats.org/officeDocument/2006/relationships/tags" Target="../tags/tag10.xml"/><Relationship Id="rId6" Type="http://schemas.openxmlformats.org/officeDocument/2006/relationships/image" Target="../media/image3.svg"/><Relationship Id="rId11" Type="http://schemas.openxmlformats.org/officeDocument/2006/relationships/slide" Target="slide3.xml"/><Relationship Id="rId5" Type="http://schemas.openxmlformats.org/officeDocument/2006/relationships/image" Target="../media/image2.png"/><Relationship Id="rId15" Type="http://schemas.openxmlformats.org/officeDocument/2006/relationships/image" Target="../media/image31.png"/><Relationship Id="rId10" Type="http://schemas.openxmlformats.org/officeDocument/2006/relationships/image" Target="../media/image15.png"/><Relationship Id="rId4" Type="http://schemas.openxmlformats.org/officeDocument/2006/relationships/image" Target="../media/image1.png"/><Relationship Id="rId9" Type="http://schemas.openxmlformats.org/officeDocument/2006/relationships/image" Target="../media/image14.png"/><Relationship Id="rId14" Type="http://schemas.openxmlformats.org/officeDocument/2006/relationships/slide" Target="slide8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3" name="Picture 22">
            <a:extLst>
              <a:ext uri="{FF2B5EF4-FFF2-40B4-BE49-F238E27FC236}">
                <a16:creationId xmlns:a16="http://schemas.microsoft.com/office/drawing/2014/main" id="{1E780726-92C5-0B1B-22B6-565E43F2971F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122484" y="0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-2447021" y="9473008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5728034" y="5084030"/>
            <a:ext cx="4894042" cy="4894042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207285" y="-3972360"/>
            <a:ext cx="5034872" cy="5034872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5980678" y="6689774"/>
            <a:ext cx="1840276" cy="894868"/>
          </a:xfrm>
          <a:prstGeom prst="rect">
            <a:avLst/>
          </a:prstGeom>
        </p:spPr>
      </p:pic>
      <p:pic>
        <p:nvPicPr>
          <p:cNvPr id="8" name="Picture 8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237081">
            <a:off x="-869057" y="9890093"/>
            <a:ext cx="1812161" cy="1261923"/>
          </a:xfrm>
          <a:prstGeom prst="rect">
            <a:avLst/>
          </a:prstGeom>
        </p:spPr>
      </p:pic>
      <p:pic>
        <p:nvPicPr>
          <p:cNvPr id="9" name="Picture 9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-31322" y="11193613"/>
            <a:ext cx="1502644" cy="1046387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rcRect/>
          <a:stretch>
            <a:fillRect/>
          </a:stretch>
        </p:blipFill>
        <p:spPr>
          <a:xfrm>
            <a:off x="720000" y="6814219"/>
            <a:ext cx="2334960" cy="1647208"/>
          </a:xfrm>
          <a:prstGeom prst="rect">
            <a:avLst/>
          </a:prstGeom>
        </p:spPr>
      </p:pic>
      <p:pic>
        <p:nvPicPr>
          <p:cNvPr id="11" name="Picture 11"/>
          <p:cNvPicPr>
            <a:picLocks noChangeAspect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4"/>
              </a:ext>
            </a:extLst>
          </a:blip>
          <a:srcRect/>
          <a:stretch>
            <a:fillRect/>
          </a:stretch>
        </p:blipFill>
        <p:spPr>
          <a:xfrm>
            <a:off x="529923" y="8136429"/>
            <a:ext cx="909012" cy="645979"/>
          </a:xfrm>
          <a:prstGeom prst="rect">
            <a:avLst/>
          </a:prstGeom>
        </p:spPr>
      </p:pic>
      <p:grpSp>
        <p:nvGrpSpPr>
          <p:cNvPr id="12" name="Group 12"/>
          <p:cNvGrpSpPr>
            <a:grpSpLocks noGrp="1" noUngrp="1" noRot="1" noMove="1" noResize="1"/>
          </p:cNvGrpSpPr>
          <p:nvPr/>
        </p:nvGrpSpPr>
        <p:grpSpPr>
          <a:xfrm rot="-9738805">
            <a:off x="-643752" y="1341154"/>
            <a:ext cx="8952211" cy="8950682"/>
            <a:chOff x="0" y="0"/>
            <a:chExt cx="11936282" cy="11934242"/>
          </a:xfrm>
        </p:grpSpPr>
        <p:pic>
          <p:nvPicPr>
            <p:cNvPr id="13" name="Picture 13"/>
            <p:cNvPicPr>
              <a:picLocks noGrp="1" noRot="1" noChangeAspect="1" noMove="1" noResize="1" noEditPoints="1" noAdjustHandles="1" noChangeArrowheads="1" noChangeShapeType="1" noCrop="1"/>
            </p:cNvPicPr>
            <p:nvPr/>
          </p:nvPicPr>
          <p:blipFill>
            <a:blip r:embed="rId15">
              <a:alphaModFix amt="65000"/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16"/>
                </a:ext>
              </a:extLst>
            </a:blip>
            <a:srcRect l="31789" t="29589" r="35131" b="37904"/>
            <a:stretch>
              <a:fillRect/>
            </a:stretch>
          </p:blipFill>
          <p:spPr>
            <a:xfrm rot="-638563">
              <a:off x="428227" y="6232028"/>
              <a:ext cx="5981591" cy="5194540"/>
            </a:xfrm>
            <a:prstGeom prst="rect">
              <a:avLst/>
            </a:prstGeom>
          </p:spPr>
        </p:pic>
        <p:pic>
          <p:nvPicPr>
            <p:cNvPr id="14" name="Picture 14"/>
            <p:cNvPicPr>
              <a:picLocks noGrp="1" noRot="1" noChangeAspect="1" noMove="1" noResize="1" noEditPoints="1" noAdjustHandles="1" noChangeArrowheads="1" noChangeShapeType="1" noCrop="1"/>
            </p:cNvPicPr>
            <p:nvPr/>
          </p:nvPicPr>
          <p:blipFill>
            <a:blip r:embed="rId15">
              <a:alphaModFix amt="64000"/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16"/>
                </a:ext>
              </a:extLst>
            </a:blip>
            <a:srcRect l="31789" t="29589" r="35131" b="37904"/>
            <a:stretch>
              <a:fillRect/>
            </a:stretch>
          </p:blipFill>
          <p:spPr>
            <a:xfrm rot="10411390">
              <a:off x="5680803" y="320789"/>
              <a:ext cx="5981591" cy="5194540"/>
            </a:xfrm>
            <a:prstGeom prst="rect">
              <a:avLst/>
            </a:prstGeom>
          </p:spPr>
        </p:pic>
      </p:grpSp>
      <p:pic>
        <p:nvPicPr>
          <p:cNvPr id="15" name="Picture 15"/>
          <p:cNvPicPr>
            <a:picLocks noChangeAspect="1"/>
          </p:cNvPicPr>
          <p:nvPr/>
        </p:nvPicPr>
        <p:blipFill>
          <a:blip r:embed="rId17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16" name="Picture 16"/>
          <p:cNvPicPr>
            <a:picLocks noChangeAspect="1"/>
          </p:cNvPicPr>
          <p:nvPr/>
        </p:nvPicPr>
        <p:blipFill>
          <a:blip r:embed="rId18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17" name="Picture 17"/>
          <p:cNvPicPr>
            <a:picLocks noChangeAspect="1"/>
          </p:cNvPicPr>
          <p:nvPr/>
        </p:nvPicPr>
        <p:blipFill>
          <a:blip r:embed="rId19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0"/>
              </a:ext>
            </a:extLst>
          </a:blip>
          <a:srcRect l="89951" t="33015" b="52310"/>
          <a:stretch>
            <a:fillRect/>
          </a:stretch>
        </p:blipFill>
        <p:spPr>
          <a:xfrm rot="-4587341">
            <a:off x="4695974" y="1775992"/>
            <a:ext cx="676096" cy="998204"/>
          </a:xfrm>
          <a:prstGeom prst="rect">
            <a:avLst/>
          </a:prstGeom>
        </p:spPr>
      </p:pic>
      <p:pic>
        <p:nvPicPr>
          <p:cNvPr id="18" name="Picture 18"/>
          <p:cNvPicPr>
            <a:picLocks noChangeAspect="1"/>
          </p:cNvPicPr>
          <p:nvPr/>
        </p:nvPicPr>
        <p:blipFill>
          <a:blip r:embed="rId19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0"/>
              </a:ext>
            </a:extLst>
          </a:blip>
          <a:srcRect l="89951" t="33015" b="52310"/>
          <a:stretch>
            <a:fillRect/>
          </a:stretch>
        </p:blipFill>
        <p:spPr>
          <a:xfrm rot="-4587341">
            <a:off x="536496" y="4706660"/>
            <a:ext cx="676096" cy="998204"/>
          </a:xfrm>
          <a:prstGeom prst="rect">
            <a:avLst/>
          </a:prstGeom>
        </p:spPr>
      </p:pic>
      <p:pic>
        <p:nvPicPr>
          <p:cNvPr id="19" name="Picture 19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21">
            <a:alphaModFix amt="67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2"/>
              </a:ext>
            </a:extLst>
          </a:blip>
          <a:srcRect/>
          <a:stretch>
            <a:fillRect/>
          </a:stretch>
        </p:blipFill>
        <p:spPr>
          <a:xfrm>
            <a:off x="122135" y="3140496"/>
            <a:ext cx="6955730" cy="1199863"/>
          </a:xfrm>
          <a:prstGeom prst="rect">
            <a:avLst/>
          </a:prstGeom>
        </p:spPr>
      </p:pic>
      <p:pic>
        <p:nvPicPr>
          <p:cNvPr id="20" name="Picture 20">
            <a:hlinkClick r:id="rId23" action="ppaction://hlinksldjump"/>
          </p:cNvPr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2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5"/>
              </a:ext>
            </a:extLst>
          </a:blip>
          <a:srcRect/>
          <a:stretch>
            <a:fillRect/>
          </a:stretch>
        </p:blipFill>
        <p:spPr>
          <a:xfrm>
            <a:off x="3322813" y="9181167"/>
            <a:ext cx="3713303" cy="3058833"/>
          </a:xfrm>
          <a:prstGeom prst="rect">
            <a:avLst/>
          </a:prstGeom>
        </p:spPr>
      </p:pic>
      <p:sp>
        <p:nvSpPr>
          <p:cNvPr id="21" name="TextBox 21"/>
          <p:cNvSpPr txBox="1">
            <a:spLocks/>
          </p:cNvSpPr>
          <p:nvPr/>
        </p:nvSpPr>
        <p:spPr>
          <a:xfrm>
            <a:off x="945359" y="3342904"/>
            <a:ext cx="5142906" cy="859210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6699"/>
              </a:lnSpc>
            </a:pPr>
            <a:r>
              <a:rPr lang="en-US" sz="6000" spc="409" dirty="0" err="1">
                <a:solidFill>
                  <a:schemeClr val="bg2"/>
                </a:solidFill>
                <a:latin typeface="Comic Sans MS" panose="030F0702030302020204" pitchFamily="66" charset="0"/>
              </a:rPr>
              <a:t>Wali</a:t>
            </a:r>
            <a:r>
              <a:rPr lang="en-US" sz="6000" spc="409" dirty="0">
                <a:solidFill>
                  <a:schemeClr val="bg2"/>
                </a:solidFill>
                <a:latin typeface="Comic Sans MS" panose="030F0702030302020204" pitchFamily="66" charset="0"/>
              </a:rPr>
              <a:t> Sanga</a:t>
            </a:r>
          </a:p>
        </p:txBody>
      </p:sp>
      <p:sp>
        <p:nvSpPr>
          <p:cNvPr id="22" name="TextBox 22">
            <a:hlinkClick r:id="rId23" action="ppaction://hlinksldjump"/>
          </p:cNvPr>
          <p:cNvSpPr txBox="1">
            <a:spLocks/>
          </p:cNvSpPr>
          <p:nvPr/>
        </p:nvSpPr>
        <p:spPr>
          <a:xfrm>
            <a:off x="3807844" y="9902539"/>
            <a:ext cx="2604943" cy="786049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6579"/>
              </a:lnSpc>
            </a:pPr>
            <a:r>
              <a:rPr lang="en-US" sz="4699" spc="361" dirty="0">
                <a:solidFill>
                  <a:srgbClr val="EDCC9A"/>
                </a:solidFill>
                <a:latin typeface="Comic Sans MS" panose="030F0702030302020204" pitchFamily="66" charset="0"/>
              </a:rPr>
              <a:t>MASUK</a:t>
            </a: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 advTm="1388"/>
    </mc:Choice>
    <mc:Fallback xmlns="">
      <p:transition advClick="0" advTm="1388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5E36006F-F451-7488-9064-2EE3F2CC4BE9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752069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720000" y="3948237"/>
            <a:ext cx="6017028" cy="431554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sl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: Rade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du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Ibrahim 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lain       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ie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Bong Ang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ayah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yeng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ono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yeng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ton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f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: 1525 M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s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Bonang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embang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we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imur</a:t>
            </a:r>
          </a:p>
        </p:txBody>
      </p:sp>
      <p:pic>
        <p:nvPicPr>
          <p:cNvPr id="16" name="Picture 16"/>
          <p:cNvPicPr>
            <a:picLocks noChangeAspect="1"/>
          </p:cNvPicPr>
          <p:nvPr/>
        </p:nvPicPr>
        <p:blipFill>
          <a:blip r:embed="rId17"/>
          <a:srcRect/>
          <a:stretch>
            <a:fillRect/>
          </a:stretch>
        </p:blipFill>
        <p:spPr>
          <a:xfrm>
            <a:off x="948142" y="1180284"/>
            <a:ext cx="1818004" cy="2276390"/>
          </a:xfrm>
          <a:prstGeom prst="rect">
            <a:avLst/>
          </a:prstGeom>
        </p:spPr>
      </p:pic>
      <p:sp>
        <p:nvSpPr>
          <p:cNvPr id="17" name="TextBox 17"/>
          <p:cNvSpPr txBox="1"/>
          <p:nvPr/>
        </p:nvSpPr>
        <p:spPr>
          <a:xfrm>
            <a:off x="3129709" y="1241565"/>
            <a:ext cx="2981630" cy="162434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Bonang</a:t>
            </a:r>
          </a:p>
        </p:txBody>
      </p:sp>
      <p:pic>
        <p:nvPicPr>
          <p:cNvPr id="18" name="Graphic 17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558F86E6-3F2F-DE68-C39A-3DAC8A56F79B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2"/>
          <p:cNvPicPr>
            <a:picLocks noChangeAspect="1"/>
          </p:cNvPicPr>
          <p:nvPr/>
        </p:nvPicPr>
        <p:blipFill>
          <a:blip r:embed="rId4"/>
          <a:srcRect l="7066" r="11784" b="6383"/>
          <a:stretch>
            <a:fillRect/>
          </a:stretch>
        </p:blipFill>
        <p:spPr>
          <a:xfrm>
            <a:off x="0" y="0"/>
            <a:ext cx="7200900" cy="12230100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61370" y="6498089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357105" y="1161820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Bonang</a:t>
            </a:r>
          </a:p>
        </p:txBody>
      </p:sp>
      <p:sp>
        <p:nvSpPr>
          <p:cNvPr id="16" name="TextBox 16"/>
          <p:cNvSpPr txBox="1"/>
          <p:nvPr/>
        </p:nvSpPr>
        <p:spPr>
          <a:xfrm>
            <a:off x="627536" y="1907327"/>
            <a:ext cx="6022244" cy="831663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087"/>
              </a:lnSpc>
            </a:pP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a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i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emaj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Sunan Bona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n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yebrang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ngg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er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sa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Aceh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dapat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Islam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ke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Maulana Ishak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sam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Rade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k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el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bal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etap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er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Bona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nta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tar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087"/>
              </a:lnSpc>
            </a:pPr>
            <a:endParaRPr lang="en-US" sz="21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87"/>
              </a:lnSpc>
            </a:pP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pulangny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sa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udi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perintah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oleh Sun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ku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er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ub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Timur.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udi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diri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ondo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santre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aga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sa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yebar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agama Islam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lu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yesuai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mentar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t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murid-murid/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ntr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asal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baga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jur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Nusantara.</a:t>
            </a:r>
          </a:p>
          <a:p>
            <a:pPr algn="just">
              <a:lnSpc>
                <a:spcPts val="3087"/>
              </a:lnSpc>
            </a:pPr>
            <a:endParaRPr lang="en-US" sz="21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87"/>
              </a:lnSpc>
            </a:pP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Salah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t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murid Sunan Bonang ya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kenal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kaligus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habatny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uru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berap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mber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Sunan Bona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anggung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b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s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yesuai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Islam ya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laku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oleh Sun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</p:txBody>
      </p:sp>
      <p:pic>
        <p:nvPicPr>
          <p:cNvPr id="17" name="Graphic 16" descr="Back with solid fill">
            <a:hlinkClick r:id="rId17" action="ppaction://hlinksldjump"/>
            <a:extLst>
              <a:ext uri="{FF2B5EF4-FFF2-40B4-BE49-F238E27FC236}">
                <a16:creationId xmlns:a16="http://schemas.microsoft.com/office/drawing/2014/main" id="{7430DBD5-791E-CC28-6228-2228158B3EA8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26188C99-13A6-B6AF-6677-5E43EDEE7AC3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11199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sp>
        <p:nvSpPr>
          <p:cNvPr id="15" name="TextBox 15"/>
          <p:cNvSpPr txBox="1"/>
          <p:nvPr/>
        </p:nvSpPr>
        <p:spPr>
          <a:xfrm>
            <a:off x="399855" y="1357973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Bonang</a:t>
            </a:r>
          </a:p>
        </p:txBody>
      </p:sp>
      <p:sp>
        <p:nvSpPr>
          <p:cNvPr id="16" name="TextBox 16"/>
          <p:cNvSpPr txBox="1"/>
          <p:nvPr/>
        </p:nvSpPr>
        <p:spPr>
          <a:xfrm>
            <a:off x="612632" y="2133235"/>
            <a:ext cx="6023252" cy="776437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196"/>
              </a:lnSpc>
            </a:pP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Salah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tu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tode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guna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Sunan Bonang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guna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budaya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dah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jak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lama. Hal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ni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tuju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enal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Islam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npa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rus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ubah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uah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biasa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sur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daya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dah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elumnya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196"/>
              </a:lnSpc>
            </a:pPr>
            <a:endParaRPr lang="en-US" sz="21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196"/>
              </a:lnSpc>
            </a:pP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anfaat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seni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akyat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gamelan bonang dan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tunjuk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yang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. Sunan Bonang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isa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ain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gamelan bonang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ik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hasil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ara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yang sangat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rdu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enak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dengar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196"/>
              </a:lnSpc>
            </a:pPr>
            <a:endParaRPr lang="en-US" sz="21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196"/>
              </a:lnSpc>
            </a:pP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i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gamelan,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cipta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gu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agai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giring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tunju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yang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gu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lit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Islam.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hkan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gu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isi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Dua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mat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hadat</a:t>
            </a:r>
            <a:r>
              <a:rPr lang="en-US" sz="21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</p:txBody>
      </p:sp>
      <p:pic>
        <p:nvPicPr>
          <p:cNvPr id="17" name="Graphic 16" descr="Back with solid fill">
            <a:hlinkClick r:id="rId14" action="ppaction://hlinksldjump"/>
            <a:extLst>
              <a:ext uri="{FF2B5EF4-FFF2-40B4-BE49-F238E27FC236}">
                <a16:creationId xmlns:a16="http://schemas.microsoft.com/office/drawing/2014/main" id="{1AB455C4-0476-7723-7AFF-CB3304D686C3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  <p:pic>
        <p:nvPicPr>
          <p:cNvPr id="9" name="Picture 14">
            <a:extLst>
              <a:ext uri="{FF2B5EF4-FFF2-40B4-BE49-F238E27FC236}">
                <a16:creationId xmlns:a16="http://schemas.microsoft.com/office/drawing/2014/main" id="{F059DE0C-1AE4-7F3C-F477-CC304E07DD55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52483ADC-C3A4-C7A4-9BA7-7BE54E95506D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71624" y="-202538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720000" y="3948237"/>
            <a:ext cx="6017028" cy="494391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sl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: Rade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Qasi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rifuddin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lain   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ayah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nger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renggan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w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uryan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f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: 1522 M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: Cirebon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mong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imur</a:t>
            </a:r>
          </a:p>
        </p:txBody>
      </p:sp>
      <p:pic>
        <p:nvPicPr>
          <p:cNvPr id="16" name="Picture 16"/>
          <p:cNvPicPr>
            <a:picLocks noChangeAspect="1"/>
          </p:cNvPicPr>
          <p:nvPr/>
        </p:nvPicPr>
        <p:blipFill>
          <a:blip r:embed="rId17"/>
          <a:srcRect l="4358" t="2975" r="4284" b="6010"/>
          <a:stretch>
            <a:fillRect/>
          </a:stretch>
        </p:blipFill>
        <p:spPr>
          <a:xfrm>
            <a:off x="948142" y="1207959"/>
            <a:ext cx="2090687" cy="2571546"/>
          </a:xfrm>
          <a:prstGeom prst="rect">
            <a:avLst/>
          </a:prstGeom>
        </p:spPr>
      </p:pic>
      <p:sp>
        <p:nvSpPr>
          <p:cNvPr id="17" name="TextBox 17"/>
          <p:cNvSpPr txBox="1"/>
          <p:nvPr/>
        </p:nvSpPr>
        <p:spPr>
          <a:xfrm>
            <a:off x="3129709" y="1241565"/>
            <a:ext cx="2981630" cy="162434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6540"/>
              </a:lnSpc>
            </a:pPr>
            <a:r>
              <a:rPr lang="en-US" sz="4671" spc="518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endParaRPr lang="en-US" sz="4671" spc="518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pic>
        <p:nvPicPr>
          <p:cNvPr id="18" name="Graphic 17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0D286E21-323A-6C9A-7144-289E29C3E802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68D6448C-8007-B69F-655F-7A353150A701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895350" y="-273507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61369" y="6422850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357104" y="1086581"/>
            <a:ext cx="6448806" cy="41062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627535" y="1832088"/>
            <a:ext cx="6022244" cy="751186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087"/>
              </a:lnSpc>
            </a:pP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mbil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s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camat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cir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bupate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mong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aga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s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giat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ny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kitar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b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XV dan XVI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eh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087"/>
              </a:lnSpc>
            </a:pPr>
            <a:endParaRPr lang="en-US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87"/>
              </a:lnSpc>
            </a:pP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Di sana, Sunan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egang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ndal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praja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di wilayah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di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aga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otonom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raja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m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36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hu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. Sunan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aga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l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yebar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Islam ya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kenal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jiw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osial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, sangat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hati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nasib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um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 fakir miskin. </a:t>
            </a:r>
          </a:p>
          <a:p>
            <a:pPr algn="just">
              <a:lnSpc>
                <a:spcPts val="3087"/>
              </a:lnSpc>
            </a:pPr>
            <a:endParaRPr lang="en-US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87"/>
              </a:lnSpc>
            </a:pP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bi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usaha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sejahtera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osial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r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eri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mah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ntang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Islam.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tivas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bi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tekan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pada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etos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rj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ras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dermawan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entas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iskin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cipta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akmur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087"/>
              </a:lnSpc>
            </a:pPr>
            <a:endParaRPr lang="en-US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87"/>
              </a:lnSpc>
            </a:pP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Usaha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t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d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bi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da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ren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ole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wenang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tur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ilayahny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unya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otonom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</p:txBody>
      </p:sp>
      <p:pic>
        <p:nvPicPr>
          <p:cNvPr id="17" name="Graphic 16" descr="Back with solid fill">
            <a:hlinkClick r:id="rId17" action="ppaction://hlinksldjump"/>
            <a:extLst>
              <a:ext uri="{FF2B5EF4-FFF2-40B4-BE49-F238E27FC236}">
                <a16:creationId xmlns:a16="http://schemas.microsoft.com/office/drawing/2014/main" id="{17FC8DCD-7089-DC9A-3C9C-ABFC91E12596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A03131AF-E45B-7972-7D24-9E0ECE01F754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84271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sp>
        <p:nvSpPr>
          <p:cNvPr id="15" name="TextBox 15"/>
          <p:cNvSpPr txBox="1"/>
          <p:nvPr/>
        </p:nvSpPr>
        <p:spPr>
          <a:xfrm>
            <a:off x="399855" y="1357973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400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4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endParaRPr lang="en-US" sz="24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612632" y="2133235"/>
            <a:ext cx="6023252" cy="775879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196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Filosof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gentas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iskin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in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abadi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ap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ng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uju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tar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omple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car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ngkap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n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filosofi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uju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ng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aga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iku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196"/>
              </a:lnSpc>
            </a:pP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marL="469476" lvl="1" indent="-234738" algn="just">
              <a:lnSpc>
                <a:spcPts val="3196"/>
              </a:lnSpc>
              <a:buFont typeface="Arial"/>
              <a:buChar char="•"/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l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u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n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t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orang lain</a:t>
            </a:r>
          </a:p>
          <a:p>
            <a:pPr marL="469476" lvl="1" indent="-234738" algn="just">
              <a:lnSpc>
                <a:spcPts val="3196"/>
              </a:lnSpc>
              <a:buFont typeface="Arial"/>
              <a:buChar char="•"/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Di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asan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i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ru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tap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spada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marL="469476" lvl="1" indent="-234738" algn="just">
              <a:lnSpc>
                <a:spcPts val="3196"/>
              </a:lnSpc>
              <a:buFont typeface="Arial"/>
              <a:buChar char="•"/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alan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capa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cita-ci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i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dul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gal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ntu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intangan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marL="469476" lvl="1" indent="-234738" algn="just">
              <a:lnSpc>
                <a:spcPts val="3196"/>
              </a:lnSpc>
              <a:buFont typeface="Arial"/>
              <a:buChar char="•"/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Kit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ru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e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elor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nafsu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marL="469476" lvl="1" indent="-234738" algn="just">
              <a:lnSpc>
                <a:spcPts val="3196"/>
              </a:lnSpc>
              <a:buFont typeface="Arial"/>
              <a:buChar char="•"/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iam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ole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heni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eni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ole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cita-ci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uhur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marL="469476" lvl="1" indent="-234738" algn="just">
              <a:lnSpc>
                <a:spcPts val="3196"/>
              </a:lnSpc>
              <a:buFont typeface="Arial"/>
              <a:buChar char="•"/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a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bahagia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hi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ti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is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capa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hol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lim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ktu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marL="469476" lvl="1" indent="-234738" algn="just">
              <a:lnSpc>
                <a:spcPts val="3196"/>
              </a:lnSpc>
              <a:buFont typeface="Arial"/>
              <a:buChar char="•"/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il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ongk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pad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or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il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pada or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pa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kai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pd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or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lanj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tedu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g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hujan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</p:txBody>
      </p:sp>
      <p:pic>
        <p:nvPicPr>
          <p:cNvPr id="17" name="Graphic 16" descr="Back with solid fill">
            <a:hlinkClick r:id="rId14" action="ppaction://hlinksldjump"/>
            <a:extLst>
              <a:ext uri="{FF2B5EF4-FFF2-40B4-BE49-F238E27FC236}">
                <a16:creationId xmlns:a16="http://schemas.microsoft.com/office/drawing/2014/main" id="{A4B5CE86-6ED9-100B-3E7A-F589FD49A45B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  <p:pic>
        <p:nvPicPr>
          <p:cNvPr id="9" name="Picture 14">
            <a:extLst>
              <a:ext uri="{FF2B5EF4-FFF2-40B4-BE49-F238E27FC236}">
                <a16:creationId xmlns:a16="http://schemas.microsoft.com/office/drawing/2014/main" id="{7B840886-C74B-4C29-60D2-84B4806BCD87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2D3AC585-2B1C-743E-F5E3-3177CDB2C61E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464147" y="-145430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720000" y="3948237"/>
            <a:ext cx="6017028" cy="557229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sl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'far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Sadiq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lain            : Sunan Kudus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ayah         : Sayyid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tsm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Haji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: Amir Hasan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Ny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geng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mbayu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nembah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Palembang, Ratu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kojo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f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: 1550 M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: Kudus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ngan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 : Kudus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engah</a:t>
            </a:r>
          </a:p>
        </p:txBody>
      </p:sp>
      <p:pic>
        <p:nvPicPr>
          <p:cNvPr id="16" name="Picture 16"/>
          <p:cNvPicPr>
            <a:picLocks noChangeAspect="1"/>
          </p:cNvPicPr>
          <p:nvPr/>
        </p:nvPicPr>
        <p:blipFill>
          <a:blip r:embed="rId17"/>
          <a:srcRect/>
          <a:stretch>
            <a:fillRect/>
          </a:stretch>
        </p:blipFill>
        <p:spPr>
          <a:xfrm>
            <a:off x="720000" y="1327290"/>
            <a:ext cx="2216348" cy="2347422"/>
          </a:xfrm>
          <a:prstGeom prst="rect">
            <a:avLst/>
          </a:prstGeom>
        </p:spPr>
      </p:pic>
      <p:sp>
        <p:nvSpPr>
          <p:cNvPr id="17" name="TextBox 17"/>
          <p:cNvSpPr txBox="1"/>
          <p:nvPr/>
        </p:nvSpPr>
        <p:spPr>
          <a:xfrm>
            <a:off x="3129709" y="1241565"/>
            <a:ext cx="2981630" cy="162434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Kudus</a:t>
            </a:r>
          </a:p>
        </p:txBody>
      </p:sp>
      <p:pic>
        <p:nvPicPr>
          <p:cNvPr id="18" name="Graphic 17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70527F40-16DB-B211-5717-F8AA084ABF22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A3AF8BD5-6387-8B07-13FD-2C2CF5DDF1B5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756457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375597" y="1414339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Kudus</a:t>
            </a:r>
          </a:p>
        </p:txBody>
      </p:sp>
      <p:sp>
        <p:nvSpPr>
          <p:cNvPr id="16" name="TextBox 16"/>
          <p:cNvSpPr txBox="1"/>
          <p:nvPr/>
        </p:nvSpPr>
        <p:spPr>
          <a:xfrm>
            <a:off x="720000" y="2236046"/>
            <a:ext cx="5833972" cy="752154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087"/>
              </a:lnSpc>
            </a:pP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yahny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Usman Haji bin Ali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tadh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udar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ndung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yahny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orang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nopat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nglim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Keraja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087"/>
              </a:lnSpc>
            </a:pPr>
            <a:endParaRPr lang="en-US" sz="21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87"/>
              </a:lnSpc>
            </a:pP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sa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yahny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inggal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'far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hadiq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ganti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bat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yahny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luas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wilayah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kuasa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Keraja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lu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osis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nopat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tul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'far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hadiq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yebar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Islam di wilayah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i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t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angka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d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imam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sar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Masjid Agu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rt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d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qadh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hakim di Keraja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087"/>
              </a:lnSpc>
            </a:pPr>
            <a:endParaRPr lang="en-US" sz="21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87"/>
              </a:lnSpc>
            </a:pP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Ketika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jad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selisih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internal di Keraja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'far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Shadi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udi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ind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was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Tanjug. Di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in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fokus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yebar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slam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fokus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unia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oliti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</p:txBody>
      </p:sp>
      <p:pic>
        <p:nvPicPr>
          <p:cNvPr id="17" name="Graphic 16" descr="Back with solid fill">
            <a:hlinkClick r:id="rId17" action="ppaction://hlinksldjump"/>
            <a:extLst>
              <a:ext uri="{FF2B5EF4-FFF2-40B4-BE49-F238E27FC236}">
                <a16:creationId xmlns:a16="http://schemas.microsoft.com/office/drawing/2014/main" id="{BFA8C10C-4613-3289-279C-5D6A2BF5BCE0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B5F8EB74-C89A-3112-297F-6E72887196DA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725308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sp>
        <p:nvSpPr>
          <p:cNvPr id="15" name="TextBox 15"/>
          <p:cNvSpPr txBox="1"/>
          <p:nvPr/>
        </p:nvSpPr>
        <p:spPr>
          <a:xfrm>
            <a:off x="399855" y="1357973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Kudus</a:t>
            </a:r>
          </a:p>
        </p:txBody>
      </p:sp>
      <p:sp>
        <p:nvSpPr>
          <p:cNvPr id="16" name="TextBox 16"/>
          <p:cNvSpPr txBox="1"/>
          <p:nvPr/>
        </p:nvSpPr>
        <p:spPr>
          <a:xfrm>
            <a:off x="612632" y="2133235"/>
            <a:ext cx="5867368" cy="653409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233"/>
              </a:lnSpc>
            </a:pP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tratgei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sung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lui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dekat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ni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day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ngsung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rang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at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ih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nut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percaya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imisme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dan agama Hindu-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dh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ink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rangkulny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lan-pel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embangk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ny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lui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kulturasi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day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lah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agar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is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terim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at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empat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233"/>
              </a:lnSpc>
            </a:pPr>
            <a:endParaRPr lang="en-US" sz="21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233"/>
              </a:lnSpc>
            </a:pP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Sunan Kudus juga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didirk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uah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sjid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nam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Masjid Agung Kudus dan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ih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tah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ng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karang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inggal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Sunan Kudus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mintanny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pad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at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otong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ew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urb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pi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ayaan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dul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ha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hormati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at</a:t>
            </a:r>
            <a:r>
              <a:rPr lang="en-US" sz="2199" dirty="0">
                <a:solidFill>
                  <a:srgbClr val="FFF3D9"/>
                </a:solidFill>
                <a:latin typeface="Comic Sans MS" panose="030F0702030302020204" pitchFamily="66" charset="0"/>
              </a:rPr>
              <a:t> Hindu. </a:t>
            </a:r>
          </a:p>
        </p:txBody>
      </p:sp>
      <p:pic>
        <p:nvPicPr>
          <p:cNvPr id="17" name="Graphic 16" descr="Back with solid fill">
            <a:hlinkClick r:id="rId14" action="ppaction://hlinksldjump"/>
            <a:extLst>
              <a:ext uri="{FF2B5EF4-FFF2-40B4-BE49-F238E27FC236}">
                <a16:creationId xmlns:a16="http://schemas.microsoft.com/office/drawing/2014/main" id="{2827BA4A-FE7E-DD30-5372-45E6F342965F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  <p:pic>
        <p:nvPicPr>
          <p:cNvPr id="9" name="Picture 14">
            <a:extLst>
              <a:ext uri="{FF2B5EF4-FFF2-40B4-BE49-F238E27FC236}">
                <a16:creationId xmlns:a16="http://schemas.microsoft.com/office/drawing/2014/main" id="{E690CE3B-4645-8B76-B697-5FFE121EFA94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752A7B49-D9EA-EF6E-7B68-F8DAA6551704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767162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720000" y="3948237"/>
            <a:ext cx="6017028" cy="494391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sl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: Rade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ku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lain   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ayah         : Maulana Ishak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e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Nya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geng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dulur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f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: 1506 M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: Gresik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imur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 : Gresik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imur</a:t>
            </a:r>
          </a:p>
        </p:txBody>
      </p:sp>
      <p:pic>
        <p:nvPicPr>
          <p:cNvPr id="16" name="Picture 16"/>
          <p:cNvPicPr>
            <a:picLocks noChangeAspect="1"/>
          </p:cNvPicPr>
          <p:nvPr/>
        </p:nvPicPr>
        <p:blipFill>
          <a:blip r:embed="rId17"/>
          <a:srcRect l="4511" t="4984" r="5407" b="3136"/>
          <a:stretch>
            <a:fillRect/>
          </a:stretch>
        </p:blipFill>
        <p:spPr>
          <a:xfrm>
            <a:off x="1009389" y="1223702"/>
            <a:ext cx="2000257" cy="2514609"/>
          </a:xfrm>
          <a:prstGeom prst="rect">
            <a:avLst/>
          </a:prstGeom>
        </p:spPr>
      </p:pic>
      <p:sp>
        <p:nvSpPr>
          <p:cNvPr id="17" name="TextBox 17"/>
          <p:cNvSpPr txBox="1"/>
          <p:nvPr/>
        </p:nvSpPr>
        <p:spPr>
          <a:xfrm>
            <a:off x="3129709" y="1241565"/>
            <a:ext cx="2981630" cy="162434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6540"/>
              </a:lnSpc>
            </a:pPr>
            <a:r>
              <a:rPr lang="en-US" sz="4671" spc="518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endParaRPr lang="en-US" sz="4671" spc="518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pic>
        <p:nvPicPr>
          <p:cNvPr id="18" name="Graphic 17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7EE35355-3B71-B6EF-42E3-A768D0706A35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68F4FA85-BB80-2199-584B-BF8A0D810163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962182" y="-119612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5" name="Picture 5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16" name="Picture 16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>
            <a:off x="4405200" y="10069598"/>
            <a:ext cx="2334960" cy="1647208"/>
          </a:xfrm>
          <a:prstGeom prst="rect">
            <a:avLst/>
          </a:prstGeom>
        </p:spPr>
      </p:pic>
      <p:grpSp>
        <p:nvGrpSpPr>
          <p:cNvPr id="17" name="Group 17"/>
          <p:cNvGrpSpPr/>
          <p:nvPr/>
        </p:nvGrpSpPr>
        <p:grpSpPr>
          <a:xfrm rot="-9738805">
            <a:off x="1459843" y="7124348"/>
            <a:ext cx="8952211" cy="8950682"/>
            <a:chOff x="0" y="0"/>
            <a:chExt cx="11936282" cy="11934242"/>
          </a:xfrm>
        </p:grpSpPr>
        <p:pic>
          <p:nvPicPr>
            <p:cNvPr id="18" name="Picture 18"/>
            <p:cNvPicPr>
              <a:picLocks noChangeAspect="1"/>
            </p:cNvPicPr>
            <p:nvPr/>
          </p:nvPicPr>
          <p:blipFill>
            <a:blip r:embed="rId9">
              <a:alphaModFix amt="65000"/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rcRect l="31789" t="29589" r="35131" b="37904"/>
            <a:stretch>
              <a:fillRect/>
            </a:stretch>
          </p:blipFill>
          <p:spPr>
            <a:xfrm rot="-638563">
              <a:off x="428227" y="6232028"/>
              <a:ext cx="5981591" cy="5194540"/>
            </a:xfrm>
            <a:prstGeom prst="rect">
              <a:avLst/>
            </a:prstGeom>
          </p:spPr>
        </p:pic>
        <p:pic>
          <p:nvPicPr>
            <p:cNvPr id="19" name="Picture 19"/>
            <p:cNvPicPr>
              <a:picLocks noChangeAspect="1"/>
            </p:cNvPicPr>
            <p:nvPr/>
          </p:nvPicPr>
          <p:blipFill>
            <a:blip r:embed="rId9">
              <a:alphaModFix amt="64000"/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rcRect l="31789" t="29589" r="35131" b="37904"/>
            <a:stretch>
              <a:fillRect/>
            </a:stretch>
          </p:blipFill>
          <p:spPr>
            <a:xfrm rot="10411390">
              <a:off x="5680803" y="320789"/>
              <a:ext cx="5981591" cy="5194540"/>
            </a:xfrm>
            <a:prstGeom prst="rect">
              <a:avLst/>
            </a:prstGeom>
          </p:spPr>
        </p:pic>
      </p:grpSp>
      <p:pic>
        <p:nvPicPr>
          <p:cNvPr id="20" name="Picture 20">
            <a:hlinkClick r:id="rId11" action="ppaction://hlinksldjump"/>
          </p:cNvPr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311763" y="10132040"/>
            <a:ext cx="1522325" cy="1522325"/>
          </a:xfrm>
          <a:prstGeom prst="rect">
            <a:avLst/>
          </a:prstGeom>
        </p:spPr>
      </p:pic>
      <p:pic>
        <p:nvPicPr>
          <p:cNvPr id="21" name="Picture 21"/>
          <p:cNvPicPr>
            <a:picLocks noChangeAspect="1"/>
          </p:cNvPicPr>
          <p:nvPr/>
        </p:nvPicPr>
        <p:blipFill>
          <a:blip r:embed="rId14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pic>
        <p:nvPicPr>
          <p:cNvPr id="22" name="Picture 22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7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23" name="Picture 23"/>
          <p:cNvPicPr>
            <a:picLocks noChangeAspect="1"/>
          </p:cNvPicPr>
          <p:nvPr/>
        </p:nvPicPr>
        <p:blipFill>
          <a:blip r:embed="rId14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grpSp>
        <p:nvGrpSpPr>
          <p:cNvPr id="25" name="Group 35">
            <a:extLst>
              <a:ext uri="{FF2B5EF4-FFF2-40B4-BE49-F238E27FC236}">
                <a16:creationId xmlns:a16="http://schemas.microsoft.com/office/drawing/2014/main" id="{4E3FC86A-C5E4-4862-54B9-90385894A276}"/>
              </a:ext>
            </a:extLst>
          </p:cNvPr>
          <p:cNvGrpSpPr>
            <a:grpSpLocks noGrp="1" noUngrp="1" noRot="1" noMove="1" noResize="1"/>
          </p:cNvGrpSpPr>
          <p:nvPr/>
        </p:nvGrpSpPr>
        <p:grpSpPr>
          <a:xfrm>
            <a:off x="1258281" y="3865642"/>
            <a:ext cx="3720673" cy="1181452"/>
            <a:chOff x="0" y="0"/>
            <a:chExt cx="634074" cy="514923"/>
          </a:xfrm>
        </p:grpSpPr>
        <p:sp>
          <p:nvSpPr>
            <p:cNvPr id="26" name="Freeform 36">
              <a:hlinkClick r:id="rId18" action="ppaction://hlinksldjump"/>
              <a:extLst>
                <a:ext uri="{FF2B5EF4-FFF2-40B4-BE49-F238E27FC236}">
                  <a16:creationId xmlns:a16="http://schemas.microsoft.com/office/drawing/2014/main" id="{8C9963BD-B874-5622-3728-2D1C718B97D3}"/>
                </a:ext>
              </a:extLst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27" name="TextBox 37">
              <a:extLst>
                <a:ext uri="{FF2B5EF4-FFF2-40B4-BE49-F238E27FC236}">
                  <a16:creationId xmlns:a16="http://schemas.microsoft.com/office/drawing/2014/main" id="{F84A706A-1B7F-62B1-EE57-27D3B0AC48D7}"/>
                </a:ext>
              </a:extLst>
            </p:cNvPr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sp>
        <p:nvSpPr>
          <p:cNvPr id="14" name="TextBox 14">
            <a:hlinkClick r:id="rId18" action="ppaction://hlinksldjump"/>
          </p:cNvPr>
          <p:cNvSpPr txBox="1">
            <a:spLocks/>
          </p:cNvSpPr>
          <p:nvPr/>
        </p:nvSpPr>
        <p:spPr>
          <a:xfrm>
            <a:off x="1974828" y="3608496"/>
            <a:ext cx="2287577" cy="72180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299"/>
              </a:lnSpc>
            </a:pPr>
            <a:r>
              <a:rPr lang="en-US" sz="3000" spc="544" dirty="0">
                <a:solidFill>
                  <a:srgbClr val="FFF3D9"/>
                </a:solidFill>
                <a:latin typeface="Comic Sans MS" panose="030F0702030302020204" pitchFamily="66" charset="0"/>
              </a:rPr>
              <a:t>MATERI</a:t>
            </a:r>
          </a:p>
        </p:txBody>
      </p:sp>
      <p:pic>
        <p:nvPicPr>
          <p:cNvPr id="12" name="Picture 12">
            <a:hlinkClick r:id="rId18" action="ppaction://hlinksldjump"/>
          </p:cNvPr>
          <p:cNvPicPr>
            <a:picLocks noChangeAspect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0"/>
              </a:ext>
            </a:extLst>
          </a:blip>
          <a:srcRect/>
          <a:stretch>
            <a:fillRect/>
          </a:stretch>
        </p:blipFill>
        <p:spPr>
          <a:xfrm>
            <a:off x="1156682" y="3595961"/>
            <a:ext cx="690648" cy="685626"/>
          </a:xfrm>
          <a:prstGeom prst="rect">
            <a:avLst/>
          </a:prstGeom>
        </p:spPr>
      </p:pic>
      <p:grpSp>
        <p:nvGrpSpPr>
          <p:cNvPr id="28" name="Group 35">
            <a:extLst>
              <a:ext uri="{FF2B5EF4-FFF2-40B4-BE49-F238E27FC236}">
                <a16:creationId xmlns:a16="http://schemas.microsoft.com/office/drawing/2014/main" id="{99FA73A5-1A7D-FEEA-F799-C0F7984455DC}"/>
              </a:ext>
            </a:extLst>
          </p:cNvPr>
          <p:cNvGrpSpPr>
            <a:grpSpLocks noGrp="1" noUngrp="1" noRot="1" noMove="1" noResize="1"/>
          </p:cNvGrpSpPr>
          <p:nvPr/>
        </p:nvGrpSpPr>
        <p:grpSpPr>
          <a:xfrm>
            <a:off x="1258281" y="5594338"/>
            <a:ext cx="3720673" cy="1181452"/>
            <a:chOff x="0" y="0"/>
            <a:chExt cx="634074" cy="514923"/>
          </a:xfrm>
        </p:grpSpPr>
        <p:sp>
          <p:nvSpPr>
            <p:cNvPr id="29" name="Freeform 36">
              <a:hlinkClick r:id="rId21" action="ppaction://hlinksldjump"/>
              <a:extLst>
                <a:ext uri="{FF2B5EF4-FFF2-40B4-BE49-F238E27FC236}">
                  <a16:creationId xmlns:a16="http://schemas.microsoft.com/office/drawing/2014/main" id="{EA4963C5-9985-0729-7033-22677F3D7B3B}"/>
                </a:ext>
              </a:extLst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30" name="TextBox 37">
              <a:extLst>
                <a:ext uri="{FF2B5EF4-FFF2-40B4-BE49-F238E27FC236}">
                  <a16:creationId xmlns:a16="http://schemas.microsoft.com/office/drawing/2014/main" id="{3D395BCC-D2EC-C9B5-64CC-DFE5F8F1E57A}"/>
                </a:ext>
              </a:extLst>
            </p:cNvPr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sp>
        <p:nvSpPr>
          <p:cNvPr id="15" name="TextBox 15">
            <a:hlinkClick r:id="rId21" action="ppaction://hlinksldjump"/>
          </p:cNvPr>
          <p:cNvSpPr txBox="1">
            <a:spLocks/>
          </p:cNvSpPr>
          <p:nvPr/>
        </p:nvSpPr>
        <p:spPr>
          <a:xfrm>
            <a:off x="2069957" y="5333441"/>
            <a:ext cx="2287577" cy="72180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299"/>
              </a:lnSpc>
            </a:pPr>
            <a:r>
              <a:rPr lang="en-US" sz="3000" spc="544" dirty="0">
                <a:solidFill>
                  <a:srgbClr val="FFF3D9"/>
                </a:solidFill>
                <a:latin typeface="Comic Sans MS" panose="030F0702030302020204" pitchFamily="66" charset="0"/>
              </a:rPr>
              <a:t>KUIZ!</a:t>
            </a:r>
          </a:p>
        </p:txBody>
      </p:sp>
      <p:pic>
        <p:nvPicPr>
          <p:cNvPr id="13" name="Picture 13">
            <a:hlinkClick r:id="rId21" action="ppaction://hlinksldjump"/>
          </p:cNvPr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3"/>
              </a:ext>
            </a:extLst>
          </a:blip>
          <a:srcRect/>
          <a:stretch>
            <a:fillRect/>
          </a:stretch>
        </p:blipFill>
        <p:spPr>
          <a:xfrm>
            <a:off x="1552607" y="5519656"/>
            <a:ext cx="756962" cy="7569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5447D8DD-B18B-CE34-598A-F69199715420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796945" y="-136754"/>
            <a:ext cx="8543248" cy="12503607"/>
          </a:xfrm>
          <a:prstGeom prst="rect">
            <a:avLst/>
          </a:prstGeom>
        </p:spPr>
      </p:pic>
      <p:pic>
        <p:nvPicPr>
          <p:cNvPr id="3" name="Picture 3"/>
          <p:cNvPicPr>
            <a:picLocks noChangeAspect="1"/>
          </p:cNvPicPr>
          <p:nvPr/>
        </p:nvPicPr>
        <p:blipFill>
          <a:blip r:embed="rId5">
            <a:alphaModFix amt="57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5400000">
            <a:off x="-4975696" y="1843425"/>
            <a:ext cx="17086496" cy="8543248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7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11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2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3" action="ppaction://hlinksldjump"/>
          </p:cNvPr>
          <p:cNvPicPr>
            <a:picLocks noChangeAspect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7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6" action="ppaction://hlinksldjump"/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375597" y="1414339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endParaRPr lang="en-US" sz="26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721847" y="1961236"/>
            <a:ext cx="5833972" cy="824931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380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Ketik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bal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el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kuk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alan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sa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Rade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ku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lang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ot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Gresik. Di san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angu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u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santre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sua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p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amanahk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oleh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yahny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pu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jal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cukup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u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emuk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n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maksud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oleh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yahny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380"/>
              </a:lnSpc>
            </a:pP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380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angu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santre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s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idomukt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yang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let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er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at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ngg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mb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u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santre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kenal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oleh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uru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Nusantar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ny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ktu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3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l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j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380"/>
              </a:lnSpc>
            </a:pP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380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dirik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u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raja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namak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dato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raja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ny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tah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m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200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hu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j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</p:txBody>
      </p:sp>
      <p:pic>
        <p:nvPicPr>
          <p:cNvPr id="17" name="Graphic 16" descr="Back with solid fill">
            <a:hlinkClick r:id="rId19" action="ppaction://hlinksldjump"/>
            <a:extLst>
              <a:ext uri="{FF2B5EF4-FFF2-40B4-BE49-F238E27FC236}">
                <a16:creationId xmlns:a16="http://schemas.microsoft.com/office/drawing/2014/main" id="{468D8354-B21C-D969-C8F7-8B43989ED945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-13439" y="993358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1668A099-FA50-31F8-18CC-4F1A4FAAC336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805203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sp>
        <p:nvSpPr>
          <p:cNvPr id="15" name="TextBox 15"/>
          <p:cNvSpPr txBox="1"/>
          <p:nvPr/>
        </p:nvSpPr>
        <p:spPr>
          <a:xfrm>
            <a:off x="375597" y="1240603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endParaRPr lang="en-US" sz="26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571066" y="1989729"/>
            <a:ext cx="6057868" cy="815312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2940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Sam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l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tode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laku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oleh par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yeba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s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in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car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diri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u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santre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ujuan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didi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-an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negeri kal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baga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c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lm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getahu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agam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s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2940"/>
              </a:lnSpc>
            </a:pP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Hal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in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ku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cipta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berap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g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-an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Sert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berap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eni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main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ndu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su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iw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agamis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Di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tar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berap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main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cipta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oleh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sangat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kena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Timur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elu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itu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2940"/>
              </a:lnSpc>
            </a:pP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main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ilik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imbo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1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ongg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y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oho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u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filosof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dap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jar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iap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nus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nt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selamat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dup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Cara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l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peg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gu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pada agam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s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cipta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g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-an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makn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agamis,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judu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olan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oc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i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li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ng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in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i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kena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ua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</p:txBody>
      </p:sp>
      <p:pic>
        <p:nvPicPr>
          <p:cNvPr id="17" name="Graphic 16" descr="Back with solid fill">
            <a:hlinkClick r:id="rId14" action="ppaction://hlinksldjump"/>
            <a:extLst>
              <a:ext uri="{FF2B5EF4-FFF2-40B4-BE49-F238E27FC236}">
                <a16:creationId xmlns:a16="http://schemas.microsoft.com/office/drawing/2014/main" id="{32836704-7B7F-A805-70B6-7BC0752DB253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  <p:pic>
        <p:nvPicPr>
          <p:cNvPr id="9" name="Picture 14">
            <a:extLst>
              <a:ext uri="{FF2B5EF4-FFF2-40B4-BE49-F238E27FC236}">
                <a16:creationId xmlns:a16="http://schemas.microsoft.com/office/drawing/2014/main" id="{E36A86FC-EF90-56E4-11F6-5ADA0A330A6F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B7F58B82-4E3E-0E5D-AFDF-2A04488003EA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71624" y="-202538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720000" y="3948237"/>
            <a:ext cx="6017028" cy="431554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sl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: Joko Said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lain   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ayah         : Ary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ilakita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w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ofiah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f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: 1513 M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engah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engah</a:t>
            </a:r>
          </a:p>
        </p:txBody>
      </p:sp>
      <p:pic>
        <p:nvPicPr>
          <p:cNvPr id="16" name="Picture 16"/>
          <p:cNvPicPr>
            <a:picLocks noChangeAspect="1"/>
          </p:cNvPicPr>
          <p:nvPr/>
        </p:nvPicPr>
        <p:blipFill>
          <a:blip r:embed="rId17"/>
          <a:srcRect/>
          <a:stretch>
            <a:fillRect/>
          </a:stretch>
        </p:blipFill>
        <p:spPr>
          <a:xfrm>
            <a:off x="751726" y="1212990"/>
            <a:ext cx="1915157" cy="2521822"/>
          </a:xfrm>
          <a:prstGeom prst="rect">
            <a:avLst/>
          </a:prstGeom>
        </p:spPr>
      </p:pic>
      <p:sp>
        <p:nvSpPr>
          <p:cNvPr id="17" name="TextBox 17"/>
          <p:cNvSpPr txBox="1"/>
          <p:nvPr/>
        </p:nvSpPr>
        <p:spPr>
          <a:xfrm>
            <a:off x="3129709" y="1241565"/>
            <a:ext cx="2981630" cy="162434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6540"/>
              </a:lnSpc>
            </a:pPr>
            <a:r>
              <a:rPr lang="en-US" sz="4671" spc="518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endParaRPr lang="en-US" sz="4671" spc="518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pic>
        <p:nvPicPr>
          <p:cNvPr id="18" name="Graphic 17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814869C5-F9EA-22DA-EC20-6683DB094F90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BAB1BC21-FF5F-1047-61FA-C374F75C57C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763254" y="-70970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 sz="1600">
                <a:latin typeface="Comic Sans MS" panose="030F0702030302020204" pitchFamily="66" charset="0"/>
              </a:endParaRPr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375597" y="1414339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sz="24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4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endParaRPr lang="en-US" sz="24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612022" y="1921296"/>
            <a:ext cx="6024472" cy="823969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380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alan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aw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h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agama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laf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–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fi-panteisti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al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jawe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-motto-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‘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nunggali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wul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ust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’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n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bukt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ikap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ga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ku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ad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ris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jad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ngke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al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‘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kafir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’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ek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iti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ena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hw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nus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uh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sa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z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m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3380"/>
              </a:lnSpc>
            </a:pP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380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angat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oler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hadap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da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oka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pendap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hw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u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ik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ser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dirian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rk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ru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dekat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car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tahap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ikut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mbi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ngaruh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ilik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yakin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ik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Islam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d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paham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ndiri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biasa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lam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l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er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ik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kes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inkreti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enal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Islam.</a:t>
            </a:r>
          </a:p>
        </p:txBody>
      </p:sp>
      <p:pic>
        <p:nvPicPr>
          <p:cNvPr id="17" name="Graphic 16" descr="Back with solid fill">
            <a:hlinkClick r:id="rId17" action="ppaction://hlinksldjump"/>
            <a:extLst>
              <a:ext uri="{FF2B5EF4-FFF2-40B4-BE49-F238E27FC236}">
                <a16:creationId xmlns:a16="http://schemas.microsoft.com/office/drawing/2014/main" id="{2C17FDB8-F72B-E8F5-D4B5-B9A559850258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Picture 17">
            <a:extLst>
              <a:ext uri="{FF2B5EF4-FFF2-40B4-BE49-F238E27FC236}">
                <a16:creationId xmlns:a16="http://schemas.microsoft.com/office/drawing/2014/main" id="{FCBDF497-0A76-F0C6-3281-C9915B1DE80B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773784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sp>
        <p:nvSpPr>
          <p:cNvPr id="15" name="TextBox 15"/>
          <p:cNvSpPr txBox="1"/>
          <p:nvPr/>
        </p:nvSpPr>
        <p:spPr>
          <a:xfrm>
            <a:off x="375597" y="1240603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endParaRPr lang="en-US" sz="26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571066" y="1980204"/>
            <a:ext cx="6057868" cy="781329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380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gunak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n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kir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yang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gamel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rt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n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ar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ga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ran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berap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gu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lu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ciptaanny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opuler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lir-ilir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undul-gundul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cul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al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gagas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baju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k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aya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katen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arebeg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ulud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rt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ko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carang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yang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masad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tru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Dadi Ratu (“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tru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Jadi Raja”).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nskap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s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ot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up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rato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lun-alu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du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ingi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rt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masjid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yakin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pul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konsep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oleh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3380"/>
              </a:lnSpc>
            </a:pP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380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tode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sangat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efektif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 Sebagi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sar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ipat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elu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Islam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lu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; di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tarany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ipat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ndanara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rtasur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bumen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nyumas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rt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ajang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3380"/>
              </a:lnSpc>
            </a:pP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pic>
        <p:nvPicPr>
          <p:cNvPr id="17" name="Graphic 16" descr="Back with solid fill">
            <a:hlinkClick r:id="rId14" action="ppaction://hlinksldjump"/>
            <a:extLst>
              <a:ext uri="{FF2B5EF4-FFF2-40B4-BE49-F238E27FC236}">
                <a16:creationId xmlns:a16="http://schemas.microsoft.com/office/drawing/2014/main" id="{A095FAD3-98E4-8257-2477-00E1269797B3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  <p:pic>
        <p:nvPicPr>
          <p:cNvPr id="9" name="Picture 14">
            <a:extLst>
              <a:ext uri="{FF2B5EF4-FFF2-40B4-BE49-F238E27FC236}">
                <a16:creationId xmlns:a16="http://schemas.microsoft.com/office/drawing/2014/main" id="{CA3A046B-FA91-31C3-8706-ED73625DD96C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3961536A-E35B-4B78-2CAE-8CDB5CB9E45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803241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720000" y="3948237"/>
            <a:ext cx="6017028" cy="431554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sl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: Raden Umar Said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lain   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ayah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: Rade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ridin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f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:  1560 M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: Kudus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engah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 : Kudus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engah</a:t>
            </a:r>
          </a:p>
        </p:txBody>
      </p:sp>
      <p:pic>
        <p:nvPicPr>
          <p:cNvPr id="16" name="Picture 16"/>
          <p:cNvPicPr>
            <a:picLocks noChangeAspect="1"/>
          </p:cNvPicPr>
          <p:nvPr/>
        </p:nvPicPr>
        <p:blipFill>
          <a:blip r:embed="rId17"/>
          <a:srcRect l="5170" b="805"/>
          <a:stretch>
            <a:fillRect/>
          </a:stretch>
        </p:blipFill>
        <p:spPr>
          <a:xfrm>
            <a:off x="948142" y="1143267"/>
            <a:ext cx="1943465" cy="2520826"/>
          </a:xfrm>
          <a:prstGeom prst="rect">
            <a:avLst/>
          </a:prstGeom>
        </p:spPr>
      </p:pic>
      <p:sp>
        <p:nvSpPr>
          <p:cNvPr id="17" name="TextBox 17"/>
          <p:cNvSpPr txBox="1"/>
          <p:nvPr/>
        </p:nvSpPr>
        <p:spPr>
          <a:xfrm>
            <a:off x="3129709" y="1241565"/>
            <a:ext cx="2981630" cy="162434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6540"/>
              </a:lnSpc>
            </a:pPr>
            <a:r>
              <a:rPr lang="en-US" sz="4671" spc="518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endParaRPr lang="en-US" sz="4671" spc="518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pic>
        <p:nvPicPr>
          <p:cNvPr id="18" name="Graphic 17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3341C9C8-F9E7-591F-6A88-68C0E8879D5B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4D910F04-3075-88B5-180D-9E521D52D225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47366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410498" y="6403347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506233" y="1067078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sz="24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4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endParaRPr lang="en-US" sz="24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742658" y="1803300"/>
            <a:ext cx="6024472" cy="816915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233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ny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dops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tode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yah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Namu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bi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usat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pad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er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penci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u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s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o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ngga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let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i salah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nc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unu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s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Colo.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nam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unu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l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ncu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ut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i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san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kumpu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aky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ela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jar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terampil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coco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n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u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g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3233"/>
              </a:lnSpc>
            </a:pP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233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mentar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i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jar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Islam di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kita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unu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re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Raden Umar Said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lua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i wilayah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y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Kudus,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uwan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Jadi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ser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luar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par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d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kena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fisik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sangat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u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yang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ik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par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gikut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ru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naik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uru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unu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nggi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kita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750 meter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is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i wilayah-wilayah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</p:txBody>
      </p:sp>
      <p:pic>
        <p:nvPicPr>
          <p:cNvPr id="17" name="Graphic 16" descr="Back with solid fill">
            <a:hlinkClick r:id="rId17" action="ppaction://hlinksldjump"/>
            <a:extLst>
              <a:ext uri="{FF2B5EF4-FFF2-40B4-BE49-F238E27FC236}">
                <a16:creationId xmlns:a16="http://schemas.microsoft.com/office/drawing/2014/main" id="{53560F5A-1027-2CCF-A53B-36FA2C604744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48850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F637EB4A-E890-9E80-0EC2-038B70F08939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71624" y="-185787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sp>
        <p:nvSpPr>
          <p:cNvPr id="15" name="TextBox 15"/>
          <p:cNvSpPr txBox="1"/>
          <p:nvPr/>
        </p:nvSpPr>
        <p:spPr>
          <a:xfrm>
            <a:off x="375597" y="1240603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endParaRPr lang="en-US" sz="26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595324" y="1930821"/>
            <a:ext cx="6057868" cy="778123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2940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1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iti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at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Pada Rakyat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elata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bi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oler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usat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pad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aky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ela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u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ngsaw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 Agar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is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bau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sy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ela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ap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ri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eri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ursus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terampul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par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lau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dag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nelayan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aky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ela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2940"/>
              </a:lnSpc>
            </a:pP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2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kulturas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udaya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radis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laku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ingat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ri-har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ten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ati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ggot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luar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n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lar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cual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akar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eny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eri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saje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ten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udi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gant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holaw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o’a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4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cipta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berap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b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i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tahan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seni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er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pert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gamelan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y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ciptak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berap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b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cap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is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nt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Islam.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berap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ryany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kena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ngg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n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bang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ino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inanth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</p:txBody>
      </p:sp>
      <p:pic>
        <p:nvPicPr>
          <p:cNvPr id="17" name="Graphic 16" descr="Back with solid fill">
            <a:hlinkClick r:id="rId14" action="ppaction://hlinksldjump"/>
            <a:extLst>
              <a:ext uri="{FF2B5EF4-FFF2-40B4-BE49-F238E27FC236}">
                <a16:creationId xmlns:a16="http://schemas.microsoft.com/office/drawing/2014/main" id="{8296489B-A043-53BF-E346-33613A7383F2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  <p:pic>
        <p:nvPicPr>
          <p:cNvPr id="9" name="Picture 14">
            <a:extLst>
              <a:ext uri="{FF2B5EF4-FFF2-40B4-BE49-F238E27FC236}">
                <a16:creationId xmlns:a16="http://schemas.microsoft.com/office/drawing/2014/main" id="{B05B5F6C-1948-D99D-B4A6-C820EF035E72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217A80F1-DDBB-BCC6-25AB-6CA2EE443A6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71624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720000" y="3948237"/>
            <a:ext cx="6017028" cy="431554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sl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rif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dayatullah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lain            : Rade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rif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ayah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rif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Abdullah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mdatuddin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: Maulan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sanuddin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f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:  1568 M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: Cirebon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Barat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 : Cirebon,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Barat</a:t>
            </a:r>
          </a:p>
        </p:txBody>
      </p:sp>
      <p:pic>
        <p:nvPicPr>
          <p:cNvPr id="16" name="Picture 16"/>
          <p:cNvPicPr>
            <a:picLocks noChangeAspect="1"/>
          </p:cNvPicPr>
          <p:nvPr/>
        </p:nvPicPr>
        <p:blipFill>
          <a:blip r:embed="rId17"/>
          <a:srcRect l="3164" t="3609" r="4489"/>
          <a:stretch>
            <a:fillRect/>
          </a:stretch>
        </p:blipFill>
        <p:spPr>
          <a:xfrm>
            <a:off x="1043156" y="1412748"/>
            <a:ext cx="1771656" cy="2281802"/>
          </a:xfrm>
          <a:prstGeom prst="rect">
            <a:avLst/>
          </a:prstGeom>
        </p:spPr>
      </p:pic>
      <p:sp>
        <p:nvSpPr>
          <p:cNvPr id="17" name="TextBox 17"/>
          <p:cNvSpPr txBox="1"/>
          <p:nvPr/>
        </p:nvSpPr>
        <p:spPr>
          <a:xfrm>
            <a:off x="3129709" y="1241565"/>
            <a:ext cx="2981630" cy="245298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Gunung </a:t>
            </a:r>
            <a:r>
              <a:rPr lang="en-US" sz="4671" spc="518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ti</a:t>
            </a:r>
            <a:endParaRPr lang="en-US" sz="4671" spc="518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pic>
        <p:nvPicPr>
          <p:cNvPr id="18" name="Graphic 17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AF035947-ED6A-64E2-A3FB-0D8CEA2E8C54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A82190D2-9240-EBFF-A22B-6AB23C589C79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47366" y="-259537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375597" y="1173038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sz="24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4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Gunung </a:t>
            </a:r>
            <a:r>
              <a:rPr lang="en-US" sz="24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ti</a:t>
            </a:r>
            <a:endParaRPr lang="en-US" sz="24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587764" y="1728285"/>
            <a:ext cx="6024472" cy="814665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2940"/>
              </a:lnSpc>
            </a:pP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Sunan Gunu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t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yebar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agama Islam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lu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perang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t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jad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demi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juang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sultan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Cirebon.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tangguh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ilik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u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nyak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ora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ras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gum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2940"/>
              </a:lnSpc>
            </a:pPr>
            <a:endParaRPr lang="en-US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Sunan Gunu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t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ku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yebar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agama Islam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guna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seni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pert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laku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oleh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li-wal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inny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. Media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n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una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agama Islam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guna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l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sik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radisional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gamelan. Dimana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iap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orang ya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ngi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ih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tunju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gamelan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Sunan Gunu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t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harusk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ac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dua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m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hada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lebi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hul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2940"/>
              </a:lnSpc>
            </a:pPr>
            <a:endParaRPr lang="en-US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rif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dayatulla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udi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uba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d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maki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mbu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lus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ela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sam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trany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ait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Maulana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sanuddi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lang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Makah.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rek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u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udi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di Banten dan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iap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ant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iap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orang ya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u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eluk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agama Islam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ukarel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Sunan Gunung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t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us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lanju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ngga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ortugis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nar-benar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ndur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 wilayah </a:t>
            </a:r>
            <a:r>
              <a:rPr lang="en-US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</p:txBody>
      </p:sp>
      <p:pic>
        <p:nvPicPr>
          <p:cNvPr id="17" name="Graphic 16" descr="Back with solid fill">
            <a:hlinkClick r:id="rId17" action="ppaction://hlinksldjump"/>
            <a:extLst>
              <a:ext uri="{FF2B5EF4-FFF2-40B4-BE49-F238E27FC236}">
                <a16:creationId xmlns:a16="http://schemas.microsoft.com/office/drawing/2014/main" id="{A3E5D91C-EFC0-5FBA-62DA-161C9927C1A2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7" name="Picture 46">
            <a:extLst>
              <a:ext uri="{FF2B5EF4-FFF2-40B4-BE49-F238E27FC236}">
                <a16:creationId xmlns:a16="http://schemas.microsoft.com/office/drawing/2014/main" id="{897EA57D-3F42-B066-37F3-57EDC242090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501364" y="-273507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5" name="Picture 5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6" name="Picture 6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7" name="Picture 7">
            <a:hlinkClick r:id="rId9" action="ppaction://hlinksldjump"/>
          </p:cNvPr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5169209" y="10132040"/>
            <a:ext cx="1533478" cy="1522325"/>
          </a:xfrm>
          <a:prstGeom prst="rect">
            <a:avLst/>
          </a:prstGeom>
        </p:spPr>
      </p:pic>
      <p:pic>
        <p:nvPicPr>
          <p:cNvPr id="8" name="Picture 8">
            <a:hlinkClick r:id="rId12" action="ppaction://hlinksldjump"/>
          </p:cNvPr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4"/>
              </a:ext>
            </a:extLst>
          </a:blip>
          <a:srcRect/>
          <a:stretch>
            <a:fillRect/>
          </a:stretch>
        </p:blipFill>
        <p:spPr>
          <a:xfrm>
            <a:off x="311763" y="10132040"/>
            <a:ext cx="1522325" cy="1522325"/>
          </a:xfrm>
          <a:prstGeom prst="rect">
            <a:avLst/>
          </a:prstGeom>
        </p:spPr>
      </p:pic>
      <p:pic>
        <p:nvPicPr>
          <p:cNvPr id="9" name="Picture 9"/>
          <p:cNvPicPr>
            <a:picLocks noChangeAspect="1"/>
          </p:cNvPicPr>
          <p:nvPr/>
        </p:nvPicPr>
        <p:blipFill>
          <a:blip r:embed="rId1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pic>
        <p:nvPicPr>
          <p:cNvPr id="10" name="Picture 10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1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grpSp>
        <p:nvGrpSpPr>
          <p:cNvPr id="11" name="Group 11"/>
          <p:cNvGrpSpPr>
            <a:grpSpLocks noGrp="1" noUngrp="1" noRot="1" noMove="1" noResize="1"/>
          </p:cNvGrpSpPr>
          <p:nvPr/>
        </p:nvGrpSpPr>
        <p:grpSpPr>
          <a:xfrm>
            <a:off x="1424883" y="1294247"/>
            <a:ext cx="1685039" cy="1368399"/>
            <a:chOff x="0" y="0"/>
            <a:chExt cx="634074" cy="514923"/>
          </a:xfrm>
        </p:grpSpPr>
        <p:sp>
          <p:nvSpPr>
            <p:cNvPr id="12" name="Freeform 12">
              <a:hlinkClick r:id="rId17" action="ppaction://hlinksldjump"/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grpSp>
        <p:nvGrpSpPr>
          <p:cNvPr id="14" name="Group 14"/>
          <p:cNvGrpSpPr>
            <a:grpSpLocks noGrp="1" noUngrp="1" noRot="1" noMove="1" noResize="1"/>
          </p:cNvGrpSpPr>
          <p:nvPr/>
        </p:nvGrpSpPr>
        <p:grpSpPr>
          <a:xfrm>
            <a:off x="3952441" y="1294247"/>
            <a:ext cx="1685039" cy="1368399"/>
            <a:chOff x="0" y="0"/>
            <a:chExt cx="634074" cy="514923"/>
          </a:xfrm>
        </p:grpSpPr>
        <p:sp>
          <p:nvSpPr>
            <p:cNvPr id="15" name="Freeform 15">
              <a:hlinkClick r:id="rId18" action="ppaction://hlinksldjump"/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6" name="TextBox 16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grpSp>
        <p:nvGrpSpPr>
          <p:cNvPr id="17" name="Group 17"/>
          <p:cNvGrpSpPr>
            <a:grpSpLocks noGrp="1" noUngrp="1" noRot="1" noMove="1" noResize="1"/>
          </p:cNvGrpSpPr>
          <p:nvPr/>
        </p:nvGrpSpPr>
        <p:grpSpPr>
          <a:xfrm>
            <a:off x="3952441" y="7531051"/>
            <a:ext cx="1685039" cy="1368399"/>
            <a:chOff x="0" y="0"/>
            <a:chExt cx="634074" cy="514923"/>
          </a:xfrm>
        </p:grpSpPr>
        <p:sp>
          <p:nvSpPr>
            <p:cNvPr id="18" name="Freeform 18">
              <a:hlinkClick r:id="rId19" action="ppaction://hlinksldjump"/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9" name="TextBox 19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grpSp>
        <p:nvGrpSpPr>
          <p:cNvPr id="20" name="Group 20"/>
          <p:cNvGrpSpPr>
            <a:grpSpLocks noGrp="1" noUngrp="1" noRot="1" noMove="1" noResize="1"/>
          </p:cNvGrpSpPr>
          <p:nvPr/>
        </p:nvGrpSpPr>
        <p:grpSpPr>
          <a:xfrm>
            <a:off x="3952441" y="3276461"/>
            <a:ext cx="1685039" cy="1368399"/>
            <a:chOff x="0" y="0"/>
            <a:chExt cx="634074" cy="514923"/>
          </a:xfrm>
        </p:grpSpPr>
        <p:sp>
          <p:nvSpPr>
            <p:cNvPr id="21" name="Freeform 21">
              <a:hlinkClick r:id="rId20" action="ppaction://hlinksldjump"/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22" name="TextBox 22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grpSp>
        <p:nvGrpSpPr>
          <p:cNvPr id="23" name="Group 23"/>
          <p:cNvGrpSpPr>
            <a:grpSpLocks noGrp="1" noUngrp="1" noRot="1" noMove="1" noResize="1"/>
          </p:cNvGrpSpPr>
          <p:nvPr/>
        </p:nvGrpSpPr>
        <p:grpSpPr>
          <a:xfrm>
            <a:off x="2517959" y="9309242"/>
            <a:ext cx="2164081" cy="1283998"/>
            <a:chOff x="0" y="0"/>
            <a:chExt cx="814336" cy="483164"/>
          </a:xfrm>
        </p:grpSpPr>
        <p:sp>
          <p:nvSpPr>
            <p:cNvPr id="24" name="Freeform 24">
              <a:hlinkClick r:id="rId21" action="ppaction://hlinksldjump"/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814336" cy="483164"/>
            </a:xfrm>
            <a:custGeom>
              <a:avLst/>
              <a:gdLst/>
              <a:ahLst/>
              <a:cxnLst/>
              <a:rect l="l" t="t" r="r" b="b"/>
              <a:pathLst>
                <a:path w="814336" h="483164">
                  <a:moveTo>
                    <a:pt x="125211" y="0"/>
                  </a:moveTo>
                  <a:lnTo>
                    <a:pt x="689125" y="0"/>
                  </a:lnTo>
                  <a:cubicBezTo>
                    <a:pt x="758277" y="0"/>
                    <a:pt x="814336" y="56059"/>
                    <a:pt x="814336" y="125211"/>
                  </a:cubicBezTo>
                  <a:lnTo>
                    <a:pt x="814336" y="357953"/>
                  </a:lnTo>
                  <a:cubicBezTo>
                    <a:pt x="814336" y="391161"/>
                    <a:pt x="801144" y="423009"/>
                    <a:pt x="777662" y="446490"/>
                  </a:cubicBezTo>
                  <a:cubicBezTo>
                    <a:pt x="754181" y="469972"/>
                    <a:pt x="722333" y="483164"/>
                    <a:pt x="689125" y="483164"/>
                  </a:cubicBezTo>
                  <a:lnTo>
                    <a:pt x="125211" y="483164"/>
                  </a:lnTo>
                  <a:cubicBezTo>
                    <a:pt x="92003" y="483164"/>
                    <a:pt x="60155" y="469972"/>
                    <a:pt x="36674" y="446490"/>
                  </a:cubicBezTo>
                  <a:cubicBezTo>
                    <a:pt x="13192" y="423009"/>
                    <a:pt x="0" y="391161"/>
                    <a:pt x="0" y="357953"/>
                  </a:cubicBezTo>
                  <a:lnTo>
                    <a:pt x="0" y="125211"/>
                  </a:lnTo>
                  <a:cubicBezTo>
                    <a:pt x="0" y="92003"/>
                    <a:pt x="13192" y="60155"/>
                    <a:pt x="36674" y="36674"/>
                  </a:cubicBezTo>
                  <a:cubicBezTo>
                    <a:pt x="60155" y="13192"/>
                    <a:pt x="92003" y="0"/>
                    <a:pt x="125211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25" name="TextBox 25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grpSp>
        <p:nvGrpSpPr>
          <p:cNvPr id="26" name="Group 26"/>
          <p:cNvGrpSpPr>
            <a:grpSpLocks noGrp="1" noUngrp="1" noRot="1" noMove="1" noResize="1"/>
          </p:cNvGrpSpPr>
          <p:nvPr/>
        </p:nvGrpSpPr>
        <p:grpSpPr>
          <a:xfrm>
            <a:off x="1418631" y="3276461"/>
            <a:ext cx="1691291" cy="1368399"/>
            <a:chOff x="0" y="0"/>
            <a:chExt cx="634074" cy="514923"/>
          </a:xfrm>
        </p:grpSpPr>
        <p:sp>
          <p:nvSpPr>
            <p:cNvPr id="27" name="Freeform 27">
              <a:hlinkClick r:id="rId22" action="ppaction://hlinksldjump"/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28" name="TextBox 28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grpSp>
        <p:nvGrpSpPr>
          <p:cNvPr id="29" name="Group 29"/>
          <p:cNvGrpSpPr>
            <a:grpSpLocks noGrp="1" noUngrp="1" noRot="1" noMove="1" noResize="1"/>
          </p:cNvGrpSpPr>
          <p:nvPr/>
        </p:nvGrpSpPr>
        <p:grpSpPr>
          <a:xfrm>
            <a:off x="1418631" y="7470217"/>
            <a:ext cx="1691291" cy="1368399"/>
            <a:chOff x="0" y="0"/>
            <a:chExt cx="634074" cy="514923"/>
          </a:xfrm>
        </p:grpSpPr>
        <p:sp>
          <p:nvSpPr>
            <p:cNvPr id="30" name="Freeform 30">
              <a:hlinkClick r:id="rId23" action="ppaction://hlinksldjump"/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31" name="TextBox 31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grpSp>
        <p:nvGrpSpPr>
          <p:cNvPr id="32" name="Group 32"/>
          <p:cNvGrpSpPr>
            <a:grpSpLocks noGrp="1" noUngrp="1" noRot="1" noMove="1" noResize="1"/>
          </p:cNvGrpSpPr>
          <p:nvPr/>
        </p:nvGrpSpPr>
        <p:grpSpPr>
          <a:xfrm>
            <a:off x="4014053" y="5196502"/>
            <a:ext cx="1685039" cy="1368399"/>
            <a:chOff x="0" y="0"/>
            <a:chExt cx="634074" cy="514923"/>
          </a:xfrm>
        </p:grpSpPr>
        <p:sp>
          <p:nvSpPr>
            <p:cNvPr id="33" name="Freeform 33">
              <a:hlinkClick r:id="rId24" action="ppaction://hlinksldjump"/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34" name="TextBox 34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grpSp>
        <p:nvGrpSpPr>
          <p:cNvPr id="35" name="Group 35"/>
          <p:cNvGrpSpPr>
            <a:grpSpLocks noGrp="1" noUngrp="1" noRot="1" noMove="1" noResize="1"/>
          </p:cNvGrpSpPr>
          <p:nvPr/>
        </p:nvGrpSpPr>
        <p:grpSpPr>
          <a:xfrm>
            <a:off x="1418631" y="5275758"/>
            <a:ext cx="1685039" cy="1368399"/>
            <a:chOff x="0" y="0"/>
            <a:chExt cx="634074" cy="514923"/>
          </a:xfrm>
        </p:grpSpPr>
        <p:sp>
          <p:nvSpPr>
            <p:cNvPr id="36" name="Freeform 36">
              <a:hlinkClick r:id="rId25" action="ppaction://hlinksldjump"/>
            </p:cNvPr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634074" cy="514923"/>
            </a:xfrm>
            <a:custGeom>
              <a:avLst/>
              <a:gdLst/>
              <a:ahLst/>
              <a:cxnLst/>
              <a:rect l="l" t="t" r="r" b="b"/>
              <a:pathLst>
                <a:path w="634074" h="514923">
                  <a:moveTo>
                    <a:pt x="160808" y="0"/>
                  </a:moveTo>
                  <a:lnTo>
                    <a:pt x="473266" y="0"/>
                  </a:lnTo>
                  <a:cubicBezTo>
                    <a:pt x="562078" y="0"/>
                    <a:pt x="634074" y="71996"/>
                    <a:pt x="634074" y="160808"/>
                  </a:cubicBezTo>
                  <a:lnTo>
                    <a:pt x="634074" y="354116"/>
                  </a:lnTo>
                  <a:cubicBezTo>
                    <a:pt x="634074" y="442927"/>
                    <a:pt x="562078" y="514923"/>
                    <a:pt x="473266" y="514923"/>
                  </a:cubicBezTo>
                  <a:lnTo>
                    <a:pt x="160808" y="514923"/>
                  </a:lnTo>
                  <a:cubicBezTo>
                    <a:pt x="71996" y="514923"/>
                    <a:pt x="0" y="442927"/>
                    <a:pt x="0" y="354116"/>
                  </a:cubicBezTo>
                  <a:lnTo>
                    <a:pt x="0" y="160808"/>
                  </a:lnTo>
                  <a:cubicBezTo>
                    <a:pt x="0" y="71996"/>
                    <a:pt x="71996" y="0"/>
                    <a:pt x="16080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37" name="TextBox 37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sp>
        <p:nvSpPr>
          <p:cNvPr id="38" name="TextBox 38">
            <a:hlinkClick r:id="rId17" action="ppaction://hlinksldjump"/>
          </p:cNvPr>
          <p:cNvSpPr txBox="1">
            <a:spLocks/>
          </p:cNvSpPr>
          <p:nvPr/>
        </p:nvSpPr>
        <p:spPr>
          <a:xfrm>
            <a:off x="1289660" y="1089590"/>
            <a:ext cx="1169355" cy="103855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76"/>
              </a:lnSpc>
            </a:pPr>
            <a:r>
              <a:rPr lang="en-US" sz="2983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4176"/>
              </a:lnSpc>
            </a:pPr>
            <a:r>
              <a:rPr lang="en-US" sz="2983" dirty="0">
                <a:solidFill>
                  <a:srgbClr val="FFF3D9"/>
                </a:solidFill>
                <a:latin typeface="Comic Sans MS" panose="030F0702030302020204" pitchFamily="66" charset="0"/>
              </a:rPr>
              <a:t>Gresik</a:t>
            </a:r>
          </a:p>
        </p:txBody>
      </p:sp>
      <p:sp>
        <p:nvSpPr>
          <p:cNvPr id="39" name="TextBox 39">
            <a:hlinkClick r:id="rId18" action="ppaction://hlinksldjump"/>
          </p:cNvPr>
          <p:cNvSpPr txBox="1">
            <a:spLocks/>
          </p:cNvSpPr>
          <p:nvPr/>
        </p:nvSpPr>
        <p:spPr>
          <a:xfrm>
            <a:off x="3866417" y="1065526"/>
            <a:ext cx="1166024" cy="103855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76"/>
              </a:lnSpc>
            </a:pPr>
            <a:r>
              <a:rPr lang="en-US" sz="2983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4176"/>
              </a:lnSpc>
            </a:pPr>
            <a:r>
              <a:rPr lang="en-US" sz="2983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endParaRPr lang="en-US" sz="2983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40" name="TextBox 40">
            <a:hlinkClick r:id="rId22" action="ppaction://hlinksldjump"/>
          </p:cNvPr>
          <p:cNvSpPr txBox="1">
            <a:spLocks/>
          </p:cNvSpPr>
          <p:nvPr/>
        </p:nvSpPr>
        <p:spPr>
          <a:xfrm>
            <a:off x="1194253" y="3050825"/>
            <a:ext cx="1334558" cy="103265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76"/>
              </a:lnSpc>
            </a:pPr>
            <a:r>
              <a:rPr lang="en-US" sz="2983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4176"/>
              </a:lnSpc>
            </a:pPr>
            <a:r>
              <a:rPr lang="en-US" sz="2800" dirty="0">
                <a:solidFill>
                  <a:srgbClr val="FFF3D9"/>
                </a:solidFill>
                <a:latin typeface="Comic Sans MS" panose="030F0702030302020204" pitchFamily="66" charset="0"/>
              </a:rPr>
              <a:t>Bonang</a:t>
            </a:r>
            <a:endParaRPr lang="en-US" sz="2983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41" name="TextBox 41">
            <a:hlinkClick r:id="rId20" action="ppaction://hlinksldjump"/>
          </p:cNvPr>
          <p:cNvSpPr txBox="1">
            <a:spLocks/>
          </p:cNvSpPr>
          <p:nvPr/>
        </p:nvSpPr>
        <p:spPr>
          <a:xfrm>
            <a:off x="3646816" y="3045844"/>
            <a:ext cx="1421755" cy="1038554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4176"/>
              </a:lnSpc>
            </a:pPr>
            <a:r>
              <a:rPr lang="en-US" sz="2983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4176"/>
              </a:lnSpc>
            </a:pPr>
            <a:r>
              <a:rPr lang="en-US" sz="2983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endParaRPr lang="en-US" sz="2983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42" name="TextBox 42">
            <a:hlinkClick r:id="rId25" action="ppaction://hlinksldjump"/>
          </p:cNvPr>
          <p:cNvSpPr txBox="1">
            <a:spLocks/>
          </p:cNvSpPr>
          <p:nvPr/>
        </p:nvSpPr>
        <p:spPr>
          <a:xfrm>
            <a:off x="1311200" y="5129431"/>
            <a:ext cx="1166024" cy="103855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76"/>
              </a:lnSpc>
            </a:pPr>
            <a:r>
              <a:rPr lang="en-US" sz="2983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4176"/>
              </a:lnSpc>
            </a:pPr>
            <a:r>
              <a:rPr lang="en-US" sz="2983" dirty="0">
                <a:solidFill>
                  <a:srgbClr val="FFF3D9"/>
                </a:solidFill>
                <a:latin typeface="Comic Sans MS" panose="030F0702030302020204" pitchFamily="66" charset="0"/>
              </a:rPr>
              <a:t>Kudus</a:t>
            </a:r>
          </a:p>
        </p:txBody>
      </p:sp>
      <p:sp>
        <p:nvSpPr>
          <p:cNvPr id="43" name="TextBox 43">
            <a:hlinkClick r:id="rId24" action="ppaction://hlinksldjump"/>
          </p:cNvPr>
          <p:cNvSpPr txBox="1">
            <a:spLocks/>
          </p:cNvSpPr>
          <p:nvPr/>
        </p:nvSpPr>
        <p:spPr>
          <a:xfrm>
            <a:off x="3821743" y="5030271"/>
            <a:ext cx="1166024" cy="103855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76"/>
              </a:lnSpc>
            </a:pPr>
            <a:r>
              <a:rPr lang="en-US" sz="2983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4176"/>
              </a:lnSpc>
            </a:pPr>
            <a:r>
              <a:rPr lang="en-US" sz="2983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iri</a:t>
            </a:r>
            <a:endParaRPr lang="en-US" sz="2983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44" name="TextBox 44">
            <a:hlinkClick r:id="rId23" action="ppaction://hlinksldjump"/>
          </p:cNvPr>
          <p:cNvSpPr txBox="1">
            <a:spLocks/>
          </p:cNvSpPr>
          <p:nvPr/>
        </p:nvSpPr>
        <p:spPr>
          <a:xfrm>
            <a:off x="1230104" y="7221170"/>
            <a:ext cx="1450377" cy="103265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76"/>
              </a:lnSpc>
            </a:pPr>
            <a:r>
              <a:rPr lang="en-US" sz="2800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4176"/>
              </a:lnSpc>
            </a:pPr>
            <a:r>
              <a:rPr lang="en-US" sz="28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jaga</a:t>
            </a:r>
            <a:endParaRPr lang="en-US" sz="28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45" name="TextBox 45">
            <a:hlinkClick r:id="rId19" action="ppaction://hlinksldjump"/>
          </p:cNvPr>
          <p:cNvSpPr txBox="1">
            <a:spLocks/>
          </p:cNvSpPr>
          <p:nvPr/>
        </p:nvSpPr>
        <p:spPr>
          <a:xfrm>
            <a:off x="3814207" y="7347701"/>
            <a:ext cx="1166024" cy="103855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176"/>
              </a:lnSpc>
            </a:pPr>
            <a:r>
              <a:rPr lang="en-US" sz="2983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4176"/>
              </a:lnSpc>
            </a:pPr>
            <a:r>
              <a:rPr lang="en-US" sz="2983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ia</a:t>
            </a:r>
            <a:endParaRPr lang="en-US" sz="2983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46" name="TextBox 46">
            <a:hlinkClick r:id="rId21" action="ppaction://hlinksldjump"/>
          </p:cNvPr>
          <p:cNvSpPr txBox="1">
            <a:spLocks/>
          </p:cNvSpPr>
          <p:nvPr/>
        </p:nvSpPr>
        <p:spPr>
          <a:xfrm>
            <a:off x="2156069" y="9154049"/>
            <a:ext cx="1960883" cy="94153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754"/>
              </a:lnSpc>
            </a:pPr>
            <a:r>
              <a:rPr lang="en-US" sz="2681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3754"/>
              </a:lnSpc>
            </a:pPr>
            <a:r>
              <a:rPr lang="en-US" sz="2681" dirty="0">
                <a:solidFill>
                  <a:srgbClr val="FFF3D9"/>
                </a:solidFill>
                <a:latin typeface="Comic Sans MS" panose="030F0702030302020204" pitchFamily="66" charset="0"/>
              </a:rPr>
              <a:t>Gunung </a:t>
            </a:r>
            <a:r>
              <a:rPr lang="en-US" sz="2681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ti</a:t>
            </a:r>
            <a:endParaRPr lang="en-US" sz="2681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2A3352C4-E09E-8A58-793F-DEFDE414586B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71624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sp>
        <p:nvSpPr>
          <p:cNvPr id="15" name="TextBox 15"/>
          <p:cNvSpPr txBox="1"/>
          <p:nvPr/>
        </p:nvSpPr>
        <p:spPr>
          <a:xfrm>
            <a:off x="375597" y="1240603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800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sz="28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8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Gunung </a:t>
            </a:r>
            <a:r>
              <a:rPr lang="en-US" sz="28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ti</a:t>
            </a:r>
            <a:endParaRPr lang="en-US" sz="28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595324" y="1930821"/>
            <a:ext cx="6057868" cy="7774757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2940"/>
              </a:lnSpc>
            </a:pPr>
            <a:r>
              <a:rPr lang="en-US" sz="2000">
                <a:solidFill>
                  <a:srgbClr val="FFF3D9"/>
                </a:solidFill>
                <a:latin typeface="Comic Sans MS" panose="030F0702030302020204" pitchFamily="66" charset="0"/>
              </a:rPr>
              <a:t>Dalam dakwahnya, beliau juga menerapkan akulturasi budaya dengan nilai-nilai kepercayaan pada saat itu. Selain itu beliau juga tetap menggunakan metode yang erat kaitannya dengan ajaran agama Hindu dan Buddha yang juga masih cukup banyak saat itu.</a:t>
            </a:r>
          </a:p>
          <a:p>
            <a:pPr algn="just">
              <a:lnSpc>
                <a:spcPts val="2940"/>
              </a:lnSpc>
            </a:pPr>
            <a:endParaRPr lang="en-US" sz="200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>
                <a:solidFill>
                  <a:srgbClr val="FFF3D9"/>
                </a:solidFill>
                <a:latin typeface="Comic Sans MS" panose="030F0702030302020204" pitchFamily="66" charset="0"/>
              </a:rPr>
              <a:t>Hal tersebut terbukti saat beliau berhasil mengislamkan orang-orang melalui pertunjukan gamelan yang beliau mainkan. Raden Syarif juga mengajarkan nilai yang sangat penting, yaitu bersikap toleransi antar sesama umat beragama.</a:t>
            </a:r>
          </a:p>
          <a:p>
            <a:pPr algn="just">
              <a:lnSpc>
                <a:spcPts val="2940"/>
              </a:lnSpc>
            </a:pPr>
            <a:endParaRPr lang="en-US" sz="200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>
                <a:solidFill>
                  <a:srgbClr val="FFF3D9"/>
                </a:solidFill>
                <a:latin typeface="Comic Sans MS" panose="030F0702030302020204" pitchFamily="66" charset="0"/>
              </a:rPr>
              <a:t>Beliau juga mengajarkan sebuah filosofi kehidupan yang cukup terkenal, yaitu “Ingsun titip tajug lan fakir mikin”.</a:t>
            </a:r>
          </a:p>
          <a:p>
            <a:pPr algn="just">
              <a:lnSpc>
                <a:spcPts val="2940"/>
              </a:lnSpc>
            </a:pPr>
            <a:endParaRPr lang="en-US" sz="200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940"/>
              </a:lnSpc>
            </a:pPr>
            <a:r>
              <a:rPr lang="en-US" sz="2000">
                <a:solidFill>
                  <a:srgbClr val="FFF3D9"/>
                </a:solidFill>
                <a:latin typeface="Comic Sans MS" panose="030F0702030302020204" pitchFamily="66" charset="0"/>
              </a:rPr>
              <a:t>Yang artinya “Masarakat harus selalu menjaga dan memelihara masjid, dan tidak boleh melupakannya. Selain itu, masyarakat juga harus selalu membantu dan memelihara fakir miskin”.</a:t>
            </a:r>
          </a:p>
        </p:txBody>
      </p:sp>
      <p:pic>
        <p:nvPicPr>
          <p:cNvPr id="17" name="Graphic 16" descr="Back with solid fill">
            <a:hlinkClick r:id="rId14" action="ppaction://hlinksldjump"/>
            <a:extLst>
              <a:ext uri="{FF2B5EF4-FFF2-40B4-BE49-F238E27FC236}">
                <a16:creationId xmlns:a16="http://schemas.microsoft.com/office/drawing/2014/main" id="{EB8CCCF2-D9BB-71A7-613B-76C95FDB3EED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  <p:pic>
        <p:nvPicPr>
          <p:cNvPr id="9" name="Picture 14">
            <a:extLst>
              <a:ext uri="{FF2B5EF4-FFF2-40B4-BE49-F238E27FC236}">
                <a16:creationId xmlns:a16="http://schemas.microsoft.com/office/drawing/2014/main" id="{A837B852-08EA-43F7-EE42-A69C671B694F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38DC5781-A2A8-94BC-1F48-96677678BDAC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76386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5169209" y="10132040"/>
            <a:ext cx="1533478" cy="1522325"/>
          </a:xfrm>
          <a:prstGeom prst="rect">
            <a:avLst/>
          </a:prstGeom>
        </p:spPr>
      </p:pic>
      <p:pic>
        <p:nvPicPr>
          <p:cNvPr id="10" name="Picture 10"/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>
            <a:grpSpLocks noGrp="1" noUngrp="1" noRot="1" noMove="1" noResize="1"/>
          </p:cNvGrpSpPr>
          <p:nvPr/>
        </p:nvGrpSpPr>
        <p:grpSpPr>
          <a:xfrm>
            <a:off x="720000" y="1301319"/>
            <a:ext cx="5760000" cy="8591464"/>
            <a:chOff x="0" y="0"/>
            <a:chExt cx="2167467" cy="3232936"/>
          </a:xfrm>
        </p:grpSpPr>
        <p:sp>
          <p:nvSpPr>
            <p:cNvPr id="12" name="Freeform 12"/>
            <p:cNvSpPr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0"/>
              <a:ext cx="2167467" cy="3232936"/>
            </a:xfrm>
            <a:custGeom>
              <a:avLst/>
              <a:gdLst/>
              <a:ahLst/>
              <a:cxnLst/>
              <a:rect l="l" t="t" r="r" b="b"/>
              <a:pathLst>
                <a:path w="2167467" h="3232936">
                  <a:moveTo>
                    <a:pt x="47043" y="0"/>
                  </a:moveTo>
                  <a:lnTo>
                    <a:pt x="2120424" y="0"/>
                  </a:lnTo>
                  <a:cubicBezTo>
                    <a:pt x="2146405" y="0"/>
                    <a:pt x="2167467" y="21062"/>
                    <a:pt x="2167467" y="47043"/>
                  </a:cubicBezTo>
                  <a:lnTo>
                    <a:pt x="2167467" y="3185893"/>
                  </a:lnTo>
                  <a:cubicBezTo>
                    <a:pt x="2167467" y="3211874"/>
                    <a:pt x="2146405" y="3232936"/>
                    <a:pt x="2120424" y="3232936"/>
                  </a:cubicBezTo>
                  <a:lnTo>
                    <a:pt x="47043" y="3232936"/>
                  </a:lnTo>
                  <a:cubicBezTo>
                    <a:pt x="21062" y="3232936"/>
                    <a:pt x="0" y="3211874"/>
                    <a:pt x="0" y="3185893"/>
                  </a:cubicBezTo>
                  <a:lnTo>
                    <a:pt x="0" y="47043"/>
                  </a:lnTo>
                  <a:cubicBezTo>
                    <a:pt x="0" y="21062"/>
                    <a:pt x="21062" y="0"/>
                    <a:pt x="47043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>
              <a:spLocks noGrp="1" noRot="1" noMove="1" noResize="1" noEditPoints="1" noAdjustHandles="1" noChangeArrowheads="1" noChangeShapeType="1"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grpSp>
        <p:nvGrpSpPr>
          <p:cNvPr id="14" name="Group 14"/>
          <p:cNvGrpSpPr>
            <a:grpSpLocks/>
          </p:cNvGrpSpPr>
          <p:nvPr/>
        </p:nvGrpSpPr>
        <p:grpSpPr>
          <a:xfrm>
            <a:off x="1925676" y="8666688"/>
            <a:ext cx="3243533" cy="840664"/>
            <a:chOff x="0" y="0"/>
            <a:chExt cx="1220529" cy="316339"/>
          </a:xfrm>
        </p:grpSpPr>
        <p:sp>
          <p:nvSpPr>
            <p:cNvPr id="15" name="Freeform 15">
              <a:hlinkClick r:id="rId14"/>
            </p:cNvPr>
            <p:cNvSpPr>
              <a:spLocks/>
            </p:cNvSpPr>
            <p:nvPr/>
          </p:nvSpPr>
          <p:spPr>
            <a:xfrm>
              <a:off x="0" y="0"/>
              <a:ext cx="1220529" cy="316339"/>
            </a:xfrm>
            <a:custGeom>
              <a:avLst/>
              <a:gdLst/>
              <a:ahLst/>
              <a:cxnLst/>
              <a:rect l="l" t="t" r="r" b="b"/>
              <a:pathLst>
                <a:path w="1220529" h="316339">
                  <a:moveTo>
                    <a:pt x="83541" y="0"/>
                  </a:moveTo>
                  <a:lnTo>
                    <a:pt x="1136989" y="0"/>
                  </a:lnTo>
                  <a:cubicBezTo>
                    <a:pt x="1159145" y="0"/>
                    <a:pt x="1180394" y="8802"/>
                    <a:pt x="1196061" y="24469"/>
                  </a:cubicBezTo>
                  <a:cubicBezTo>
                    <a:pt x="1211728" y="40135"/>
                    <a:pt x="1220529" y="61384"/>
                    <a:pt x="1220529" y="83541"/>
                  </a:cubicBezTo>
                  <a:lnTo>
                    <a:pt x="1220529" y="232798"/>
                  </a:lnTo>
                  <a:cubicBezTo>
                    <a:pt x="1220529" y="254954"/>
                    <a:pt x="1211728" y="276203"/>
                    <a:pt x="1196061" y="291870"/>
                  </a:cubicBezTo>
                  <a:cubicBezTo>
                    <a:pt x="1180394" y="307537"/>
                    <a:pt x="1159145" y="316339"/>
                    <a:pt x="1136989" y="316339"/>
                  </a:cubicBezTo>
                  <a:lnTo>
                    <a:pt x="83541" y="316339"/>
                  </a:lnTo>
                  <a:cubicBezTo>
                    <a:pt x="61384" y="316339"/>
                    <a:pt x="40135" y="307537"/>
                    <a:pt x="24469" y="291870"/>
                  </a:cubicBezTo>
                  <a:cubicBezTo>
                    <a:pt x="8802" y="276203"/>
                    <a:pt x="0" y="254954"/>
                    <a:pt x="0" y="232798"/>
                  </a:cubicBezTo>
                  <a:lnTo>
                    <a:pt x="0" y="83541"/>
                  </a:lnTo>
                  <a:cubicBezTo>
                    <a:pt x="0" y="61384"/>
                    <a:pt x="8802" y="40135"/>
                    <a:pt x="24469" y="24469"/>
                  </a:cubicBezTo>
                  <a:cubicBezTo>
                    <a:pt x="40135" y="8802"/>
                    <a:pt x="61384" y="0"/>
                    <a:pt x="83541" y="0"/>
                  </a:cubicBezTo>
                  <a:close/>
                </a:path>
              </a:pathLst>
            </a:custGeom>
            <a:solidFill>
              <a:srgbClr val="DFD9D4">
                <a:alpha val="84706"/>
              </a:srgbClr>
            </a:solidFill>
            <a:ln w="28575">
              <a:solidFill>
                <a:srgbClr val="777C3C">
                  <a:alpha val="84706"/>
                </a:srgbClr>
              </a:solidFill>
            </a:ln>
          </p:spPr>
        </p:sp>
        <p:sp>
          <p:nvSpPr>
            <p:cNvPr id="16" name="TextBox 16"/>
            <p:cNvSpPr txBox="1">
              <a:spLocks/>
            </p:cNvSpPr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sp>
        <p:nvSpPr>
          <p:cNvPr id="17" name="TextBox 17"/>
          <p:cNvSpPr txBox="1">
            <a:spLocks noGrp="1" noRot="1" noMove="1" noResize="1" noEditPoints="1" noAdjustHandles="1" noChangeArrowheads="1" noChangeShapeType="1"/>
          </p:cNvSpPr>
          <p:nvPr/>
        </p:nvSpPr>
        <p:spPr>
          <a:xfrm>
            <a:off x="1554155" y="1815447"/>
            <a:ext cx="4101215" cy="51425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4200"/>
              </a:lnSpc>
            </a:pPr>
            <a:r>
              <a:rPr lang="en-US" sz="3000" spc="108">
                <a:solidFill>
                  <a:srgbClr val="FFF3D9"/>
                </a:solidFill>
                <a:latin typeface="Comic Sans MS" panose="030F0702030302020204" pitchFamily="66" charset="0"/>
              </a:rPr>
              <a:t>Petunjuk Pengerjaan</a:t>
            </a:r>
          </a:p>
        </p:txBody>
      </p:sp>
      <p:sp>
        <p:nvSpPr>
          <p:cNvPr id="18" name="TextBox 18"/>
          <p:cNvSpPr txBox="1">
            <a:spLocks noGrp="1" noRot="1" noMove="1" noResize="1" noEditPoints="1" noAdjustHandles="1" noChangeArrowheads="1" noChangeShapeType="1"/>
          </p:cNvSpPr>
          <p:nvPr/>
        </p:nvSpPr>
        <p:spPr>
          <a:xfrm>
            <a:off x="1005607" y="2574380"/>
            <a:ext cx="4867954" cy="580128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3541"/>
              </a:lnSpc>
            </a:pP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umlah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oal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 : 10</a:t>
            </a:r>
          </a:p>
          <a:p>
            <a:pPr>
              <a:lnSpc>
                <a:spcPts val="3541"/>
              </a:lnSpc>
            </a:pP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enis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oal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      :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ilihan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ganda</a:t>
            </a:r>
            <a:endParaRPr lang="en-US" sz="2270" spc="27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>
              <a:lnSpc>
                <a:spcPts val="3541"/>
              </a:lnSpc>
            </a:pPr>
            <a:endParaRPr lang="en-US" sz="2270" spc="27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>
              <a:lnSpc>
                <a:spcPts val="3541"/>
              </a:lnSpc>
            </a:pP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terangan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:</a:t>
            </a:r>
          </a:p>
          <a:p>
            <a:pPr marL="490111" lvl="1" indent="-245056" algn="just">
              <a:lnSpc>
                <a:spcPts val="3541"/>
              </a:lnSpc>
              <a:buFont typeface="Arial"/>
              <a:buChar char="•"/>
            </a:pP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ilihlah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ban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pat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tara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ban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marL="490111" lvl="1" indent="-245056" algn="just">
              <a:lnSpc>
                <a:spcPts val="3541"/>
              </a:lnSpc>
              <a:buFont typeface="Arial"/>
              <a:buChar char="•"/>
            </a:pP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ilakan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ilih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ban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pat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urut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Anda!</a:t>
            </a:r>
          </a:p>
          <a:p>
            <a:pPr marL="490111" lvl="1" indent="-245056" algn="just">
              <a:lnSpc>
                <a:spcPts val="3541"/>
              </a:lnSpc>
              <a:buFont typeface="Arial"/>
              <a:buChar char="•"/>
            </a:pP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oal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uiz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pat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kerjakan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bih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tu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kali.</a:t>
            </a:r>
          </a:p>
          <a:p>
            <a:pPr marL="490111" lvl="1" indent="-245056" algn="just">
              <a:lnSpc>
                <a:spcPts val="3541"/>
              </a:lnSpc>
              <a:buFont typeface="Arial"/>
              <a:buChar char="•"/>
            </a:pP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elah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uk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si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uiz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da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pat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bali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laman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70" spc="27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tama</a:t>
            </a:r>
            <a:r>
              <a:rPr lang="en-US" sz="2270" spc="27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</p:txBody>
      </p:sp>
      <p:sp>
        <p:nvSpPr>
          <p:cNvPr id="19" name="TextBox 19"/>
          <p:cNvSpPr txBox="1">
            <a:spLocks noGrp="1" noRot="1" noMove="1" noResize="1" noEditPoints="1" noAdjustHandles="1" noChangeArrowheads="1" noChangeShapeType="1"/>
          </p:cNvSpPr>
          <p:nvPr/>
        </p:nvSpPr>
        <p:spPr>
          <a:xfrm>
            <a:off x="3595238" y="4939376"/>
            <a:ext cx="9525" cy="32720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2800"/>
              </a:lnSpc>
            </a:pPr>
            <a:endParaRPr>
              <a:latin typeface="Comic Sans MS" panose="030F0702030302020204" pitchFamily="66" charset="0"/>
            </a:endParaRPr>
          </a:p>
        </p:txBody>
      </p:sp>
      <p:sp>
        <p:nvSpPr>
          <p:cNvPr id="20" name="TextBox 20">
            <a:hlinkClick r:id="rId14"/>
          </p:cNvPr>
          <p:cNvSpPr txBox="1">
            <a:spLocks/>
          </p:cNvSpPr>
          <p:nvPr/>
        </p:nvSpPr>
        <p:spPr>
          <a:xfrm>
            <a:off x="2385825" y="8787378"/>
            <a:ext cx="2437875" cy="59676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5039"/>
              </a:lnSpc>
            </a:pPr>
            <a:r>
              <a:rPr lang="en-US" sz="3599" spc="349" dirty="0">
                <a:solidFill>
                  <a:srgbClr val="8F704F"/>
                </a:solidFill>
                <a:latin typeface="Comic Sans MS" panose="030F0702030302020204" pitchFamily="66" charset="0"/>
              </a:rPr>
              <a:t>Kerjakan</a:t>
            </a:r>
          </a:p>
        </p:txBody>
      </p:sp>
      <p:pic>
        <p:nvPicPr>
          <p:cNvPr id="21" name="Graphic 20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BC6ECF7D-99AD-4397-3818-E72E90C176B2}"/>
              </a:ext>
            </a:extLst>
          </p:cNvPr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758F0B42-F1D1-67CF-83DC-1A12F8FA86C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962182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Grp="1" noRot="1" noChangeAspect="1" noMove="1" noResize="1" noEditPoints="1" noAdjustHandles="1" noChangeArrowheads="1" noChangeShapeType="1" noCrop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09983" y="10499102"/>
            <a:ext cx="1937998" cy="1274234"/>
          </a:xfrm>
          <a:prstGeom prst="rect">
            <a:avLst/>
          </a:prstGeom>
        </p:spPr>
      </p:pic>
      <p:pic>
        <p:nvPicPr>
          <p:cNvPr id="15" name="Picture 15"/>
          <p:cNvPicPr>
            <a:picLocks noChangeAspect="1"/>
          </p:cNvPicPr>
          <p:nvPr/>
        </p:nvPicPr>
        <p:blipFill>
          <a:blip r:embed="rId17"/>
          <a:srcRect/>
          <a:stretch>
            <a:fillRect/>
          </a:stretch>
        </p:blipFill>
        <p:spPr>
          <a:xfrm>
            <a:off x="948142" y="1209138"/>
            <a:ext cx="1750480" cy="2204308"/>
          </a:xfrm>
          <a:prstGeom prst="rect">
            <a:avLst/>
          </a:prstGeom>
        </p:spPr>
      </p:pic>
      <p:sp>
        <p:nvSpPr>
          <p:cNvPr id="16" name="TextBox 16"/>
          <p:cNvSpPr txBox="1"/>
          <p:nvPr/>
        </p:nvSpPr>
        <p:spPr>
          <a:xfrm>
            <a:off x="2954319" y="1239961"/>
            <a:ext cx="2981630" cy="162434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Gresik</a:t>
            </a:r>
          </a:p>
        </p:txBody>
      </p:sp>
      <p:sp>
        <p:nvSpPr>
          <p:cNvPr id="17" name="TextBox 17"/>
          <p:cNvSpPr txBox="1"/>
          <p:nvPr/>
        </p:nvSpPr>
        <p:spPr>
          <a:xfrm>
            <a:off x="615744" y="3676852"/>
            <a:ext cx="6017028" cy="619105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4875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sl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: Maulana Malik Ibrahim</a:t>
            </a:r>
          </a:p>
          <a:p>
            <a:pPr algn="just">
              <a:lnSpc>
                <a:spcPts val="4875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Nama lain    :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ke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nta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ke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ghribi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du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Ibrahim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ke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Ibrahim </a:t>
            </a:r>
          </a:p>
          <a:p>
            <a:pPr algn="just">
              <a:lnSpc>
                <a:spcPts val="4875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Nama ayah         : Maulana Ahmad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madi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ubro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     : Sun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(Rade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ahm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) dan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yid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Ali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rtadha</a:t>
            </a:r>
            <a:endParaRPr lang="en-US" sz="20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f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: 12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abi'ul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Awal 882 H/ 7 April 1419 M</a:t>
            </a:r>
          </a:p>
          <a:p>
            <a:pPr algn="just">
              <a:lnSpc>
                <a:spcPts val="4875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   : Gresik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Timur</a:t>
            </a:r>
          </a:p>
          <a:p>
            <a:pPr algn="just">
              <a:lnSpc>
                <a:spcPts val="4875"/>
              </a:lnSpc>
            </a:pP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  : Gresik, </a:t>
            </a:r>
            <a:r>
              <a:rPr lang="en-US" sz="20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000" dirty="0">
                <a:solidFill>
                  <a:srgbClr val="FFF3D9"/>
                </a:solidFill>
                <a:latin typeface="Comic Sans MS" panose="030F0702030302020204" pitchFamily="66" charset="0"/>
              </a:rPr>
              <a:t> Timur</a:t>
            </a:r>
          </a:p>
        </p:txBody>
      </p:sp>
      <p:pic>
        <p:nvPicPr>
          <p:cNvPr id="23" name="Graphic 22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F7CB3003-D25A-9FDC-DFC0-B11CE7303DA2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E9FA45BC-27CB-C7BF-69AA-A9EF86500505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47366" y="-202538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375597" y="1414339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Gresik</a:t>
            </a:r>
          </a:p>
        </p:txBody>
      </p:sp>
      <p:sp>
        <p:nvSpPr>
          <p:cNvPr id="16" name="TextBox 16"/>
          <p:cNvSpPr txBox="1"/>
          <p:nvPr/>
        </p:nvSpPr>
        <p:spPr>
          <a:xfrm>
            <a:off x="572057" y="2337202"/>
            <a:ext cx="6104403" cy="740792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2874"/>
              </a:lnSpc>
            </a:pP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Sunan Gresik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orang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tam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yebark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agama Islam di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lau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liau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dapatk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elar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lisongo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tam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u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is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katak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li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senior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antar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li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ongo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inny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2874"/>
              </a:lnSpc>
            </a:pPr>
            <a:endParaRPr lang="en-US" sz="1955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874"/>
              </a:lnSpc>
            </a:pP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Sunan Gresik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n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nggal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er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Campa (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mboj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) dan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lank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ngg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hu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1392,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el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tu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jr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lau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njutk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isi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ny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tam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kali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datangi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tik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mpai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s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mbalo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(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r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c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nyar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kitar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9 km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Gresik).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ibany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tempat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, yang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tam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kali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lakuk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gang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2874"/>
              </a:lnSpc>
            </a:pPr>
            <a:endParaRPr lang="en-US" sz="1955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874"/>
              </a:lnSpc>
            </a:pP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i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gang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car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husus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awark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ri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obati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at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er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car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gratis.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kenal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uas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t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ren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nyak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jark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car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cocok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nam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, dan sangat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rangkul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ang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sta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endah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sisihk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955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rajaan</a:t>
            </a:r>
            <a:r>
              <a:rPr lang="en-US" sz="1955" dirty="0">
                <a:solidFill>
                  <a:srgbClr val="FFF3D9"/>
                </a:solidFill>
                <a:latin typeface="Comic Sans MS" panose="030F0702030302020204" pitchFamily="66" charset="0"/>
              </a:rPr>
              <a:t> Hindu. </a:t>
            </a:r>
          </a:p>
        </p:txBody>
      </p:sp>
      <p:pic>
        <p:nvPicPr>
          <p:cNvPr id="17" name="Graphic 16" descr="Back with solid fill">
            <a:hlinkClick r:id="rId17" action="ppaction://hlinksldjump"/>
            <a:extLst>
              <a:ext uri="{FF2B5EF4-FFF2-40B4-BE49-F238E27FC236}">
                <a16:creationId xmlns:a16="http://schemas.microsoft.com/office/drawing/2014/main" id="{9C1B1E2E-311C-CA3F-75B9-479AE2AA7135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3F6B4254-24CB-AE00-A850-E08658576A89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439270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>
                <a:latin typeface="Comic Sans MS" panose="030F0702030302020204" pitchFamily="66" charset="0"/>
              </a:endParaRPr>
            </a:p>
          </p:txBody>
        </p:sp>
      </p:grpSp>
      <p:pic>
        <p:nvPicPr>
          <p:cNvPr id="14" name="Picture 14"/>
          <p:cNvPicPr>
            <a:picLocks noChangeAspect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375597" y="1148422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Gresik</a:t>
            </a:r>
          </a:p>
        </p:txBody>
      </p:sp>
      <p:sp>
        <p:nvSpPr>
          <p:cNvPr id="16" name="TextBox 16"/>
          <p:cNvSpPr txBox="1"/>
          <p:nvPr/>
        </p:nvSpPr>
        <p:spPr>
          <a:xfrm>
            <a:off x="483599" y="1805367"/>
            <a:ext cx="6232803" cy="897624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2608"/>
              </a:lnSpc>
            </a:pP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1.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lus</a:t>
            </a:r>
            <a:endParaRPr lang="en-US" sz="17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608"/>
              </a:lnSpc>
            </a:pP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ja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tam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kali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, Sunan Gresik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na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entang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percaya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orang-orang dan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aks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u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Islam.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l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unjukk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ilak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utur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kata yang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mbut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sikap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i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mu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orang. Cara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beut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kuk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unjukk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hw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Islam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rupak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agama yang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nda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alus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mai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, dan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oleransi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2608"/>
              </a:lnSpc>
            </a:pPr>
            <a:endParaRPr lang="en-US" sz="17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608"/>
              </a:lnSpc>
            </a:pP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2.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baur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gal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angan</a:t>
            </a:r>
            <a:endParaRPr lang="en-US" sz="17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608"/>
              </a:lnSpc>
            </a:pP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sangat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da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baur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mu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golong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na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ili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gaul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git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, Sunan Gresik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bi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da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jark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agama Islam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pad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iapapu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2608"/>
              </a:lnSpc>
            </a:pPr>
            <a:endParaRPr lang="en-US" sz="17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608"/>
              </a:lnSpc>
            </a:pP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3.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gang</a:t>
            </a:r>
            <a:endParaRPr lang="en-US" sz="17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608"/>
              </a:lnSpc>
            </a:pP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uk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rung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derhan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enuhi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butuh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at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ngga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kuk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alan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bagai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labuh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2608"/>
              </a:lnSpc>
            </a:pPr>
            <a:endParaRPr lang="en-US" sz="17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608"/>
              </a:lnSpc>
            </a:pP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4.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yembuhk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orang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kit</a:t>
            </a:r>
            <a:endParaRPr lang="en-US" sz="17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2608"/>
              </a:lnSpc>
            </a:pP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at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dang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obati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juga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lal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yampaik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-ajar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nilai-nilai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Islam.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git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nya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orang yang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tang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obat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udian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tari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lajari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Islam dan </a:t>
            </a:r>
            <a:r>
              <a:rPr lang="en-US" sz="17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eluk</a:t>
            </a:r>
            <a:r>
              <a:rPr lang="en-US" sz="1774" dirty="0">
                <a:solidFill>
                  <a:srgbClr val="FFF3D9"/>
                </a:solidFill>
                <a:latin typeface="Comic Sans MS" panose="030F0702030302020204" pitchFamily="66" charset="0"/>
              </a:rPr>
              <a:t> Islam</a:t>
            </a:r>
          </a:p>
          <a:p>
            <a:pPr algn="just">
              <a:lnSpc>
                <a:spcPts val="2608"/>
              </a:lnSpc>
            </a:pPr>
            <a:endParaRPr lang="en-US" sz="1774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pic>
        <p:nvPicPr>
          <p:cNvPr id="17" name="Graphic 16" descr="Back with solid fill">
            <a:hlinkClick r:id="rId16" action="ppaction://hlinksldjump"/>
            <a:extLst>
              <a:ext uri="{FF2B5EF4-FFF2-40B4-BE49-F238E27FC236}">
                <a16:creationId xmlns:a16="http://schemas.microsoft.com/office/drawing/2014/main" id="{B7BFEA10-B002-8335-85F4-47ECE3F41C2C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9FD22F4C-68B4-328A-1696-525A4A709313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47366" y="-136754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79862" y="6750608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591486" y="3870415"/>
            <a:ext cx="6017028" cy="557229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sli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: Rade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Rahm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lain            :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ayah         : Sunan Gresik</a:t>
            </a:r>
          </a:p>
          <a:p>
            <a:pPr algn="just">
              <a:lnSpc>
                <a:spcPts val="4875"/>
              </a:lnSpc>
            </a:pP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Nama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: Sunan Bonang,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raj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Sunan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amongan</a:t>
            </a:r>
            <a:endParaRPr lang="en-US" sz="2299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Waf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  : 1481 M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mpat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Surabaya, 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Timur</a:t>
            </a:r>
          </a:p>
          <a:p>
            <a:pPr algn="just">
              <a:lnSpc>
                <a:spcPts val="4875"/>
              </a:lnSpc>
            </a:pP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kam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                 :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299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ta</a:t>
            </a:r>
            <a:r>
              <a:rPr lang="en-US" sz="2299" dirty="0">
                <a:solidFill>
                  <a:srgbClr val="FFF3D9"/>
                </a:solidFill>
                <a:latin typeface="Comic Sans MS" panose="030F0702030302020204" pitchFamily="66" charset="0"/>
              </a:rPr>
              <a:t>, Surabaya</a:t>
            </a:r>
          </a:p>
        </p:txBody>
      </p:sp>
      <p:pic>
        <p:nvPicPr>
          <p:cNvPr id="16" name="Picture 16"/>
          <p:cNvPicPr>
            <a:picLocks noChangeAspect="1"/>
          </p:cNvPicPr>
          <p:nvPr/>
        </p:nvPicPr>
        <p:blipFill>
          <a:blip r:embed="rId17"/>
          <a:srcRect l="4711" t="2659" r="3011"/>
          <a:stretch>
            <a:fillRect/>
          </a:stretch>
        </p:blipFill>
        <p:spPr>
          <a:xfrm>
            <a:off x="869012" y="1143269"/>
            <a:ext cx="2031924" cy="2611110"/>
          </a:xfrm>
          <a:prstGeom prst="rect">
            <a:avLst/>
          </a:prstGeom>
        </p:spPr>
      </p:pic>
      <p:sp>
        <p:nvSpPr>
          <p:cNvPr id="17" name="TextBox 17"/>
          <p:cNvSpPr txBox="1"/>
          <p:nvPr/>
        </p:nvSpPr>
        <p:spPr>
          <a:xfrm>
            <a:off x="3129709" y="1241565"/>
            <a:ext cx="2981630" cy="162434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6540"/>
              </a:lnSpc>
            </a:pPr>
            <a:r>
              <a:rPr lang="en-US" sz="4671" spc="518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</a:p>
          <a:p>
            <a:pPr algn="ctr">
              <a:lnSpc>
                <a:spcPts val="6540"/>
              </a:lnSpc>
            </a:pPr>
            <a:r>
              <a:rPr lang="en-US" sz="4671" spc="518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endParaRPr lang="en-US" sz="4671" spc="518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pic>
        <p:nvPicPr>
          <p:cNvPr id="18" name="Graphic 17" descr="Back with solid fill">
            <a:hlinkClick r:id="rId11" action="ppaction://hlinksldjump"/>
            <a:extLst>
              <a:ext uri="{FF2B5EF4-FFF2-40B4-BE49-F238E27FC236}">
                <a16:creationId xmlns:a16="http://schemas.microsoft.com/office/drawing/2014/main" id="{E9A04CE1-B23F-9760-F571-372B280242E5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>
            <a:extLst>
              <a:ext uri="{FF2B5EF4-FFF2-40B4-BE49-F238E27FC236}">
                <a16:creationId xmlns:a16="http://schemas.microsoft.com/office/drawing/2014/main" id="{5354426A-6B32-7A80-05EB-76FF4D870376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71624" y="-63360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80312" y="6497171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0373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pic>
        <p:nvPicPr>
          <p:cNvPr id="14" name="Picture 14">
            <a:hlinkClick r:id="rId14" action="ppaction://hlinksldjump"/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  <p:sp>
        <p:nvSpPr>
          <p:cNvPr id="15" name="TextBox 15"/>
          <p:cNvSpPr txBox="1"/>
          <p:nvPr/>
        </p:nvSpPr>
        <p:spPr>
          <a:xfrm>
            <a:off x="376047" y="1160902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uangan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endParaRPr lang="en-US" sz="26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646478" y="2192160"/>
            <a:ext cx="5907943" cy="791909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087"/>
              </a:lnSpc>
            </a:pP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Sun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tang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pada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hu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1443. Lalu pada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ahu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1479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diri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Masjid Agu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d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erus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njut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  <a:p>
            <a:pPr algn="just">
              <a:lnSpc>
                <a:spcPts val="3087"/>
              </a:lnSpc>
            </a:pPr>
            <a:endParaRPr lang="en-US" sz="21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87"/>
              </a:lnSpc>
            </a:pP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walny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dakwa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i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kitar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ingkung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japahi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tas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ji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Prabu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rawijay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V.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mudi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laku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jalan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dent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Di sana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angu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ondo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santre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jar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agama. Di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dent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liau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bua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rajin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nyam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bentu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ipas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rotan d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kar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umbuh-tumbuh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yg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is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yembuh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aki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tu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mam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ipas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bagi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epad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duduk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eng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yar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cap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alima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yahada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</a:t>
            </a:r>
          </a:p>
          <a:p>
            <a:pPr algn="just">
              <a:lnSpc>
                <a:spcPts val="3087"/>
              </a:lnSpc>
            </a:pPr>
            <a:endParaRPr lang="en-US" sz="2100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87"/>
              </a:lnSpc>
            </a:pP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tiap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santre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bangu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oleh Sunan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d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usat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didikan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ilik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ngaruh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gi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1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kitarnya</a:t>
            </a:r>
            <a:r>
              <a:rPr lang="en-US" sz="2100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</p:txBody>
      </p:sp>
      <p:pic>
        <p:nvPicPr>
          <p:cNvPr id="17" name="Graphic 16" descr="Back with solid fill">
            <a:hlinkClick r:id="rId17" action="ppaction://hlinksldjump"/>
            <a:extLst>
              <a:ext uri="{FF2B5EF4-FFF2-40B4-BE49-F238E27FC236}">
                <a16:creationId xmlns:a16="http://schemas.microsoft.com/office/drawing/2014/main" id="{F6AD08AC-3D58-33E4-4648-B8D1C1D72BA4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0" y="9852931"/>
            <a:ext cx="2459183" cy="22774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13">
            <a:extLst>
              <a:ext uri="{FF2B5EF4-FFF2-40B4-BE49-F238E27FC236}">
                <a16:creationId xmlns:a16="http://schemas.microsoft.com/office/drawing/2014/main" id="{32B1B017-7FCA-3209-9D9E-C6B439C0EB51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248"/>
          <a:stretch/>
        </p:blipFill>
        <p:spPr>
          <a:xfrm>
            <a:off x="-643321" y="-165405"/>
            <a:ext cx="8543248" cy="12503607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5">
            <a:alphaModFix amt="64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-2700000">
            <a:off x="6182799" y="5084030"/>
            <a:ext cx="4894042" cy="4894042"/>
          </a:xfrm>
          <a:prstGeom prst="rect">
            <a:avLst/>
          </a:prstGeom>
        </p:spPr>
      </p:pic>
      <p:pic>
        <p:nvPicPr>
          <p:cNvPr id="5" name="Picture 5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 rot="-4214977">
            <a:off x="6298789" y="6649331"/>
            <a:ext cx="1840276" cy="894868"/>
          </a:xfrm>
          <a:prstGeom prst="rect">
            <a:avLst/>
          </a:prstGeom>
        </p:spPr>
      </p:pic>
      <p:pic>
        <p:nvPicPr>
          <p:cNvPr id="6" name="Picture 6"/>
          <p:cNvPicPr>
            <a:picLocks noChangeAspect="1"/>
          </p:cNvPicPr>
          <p:nvPr/>
        </p:nvPicPr>
        <p:blipFill>
          <a:blip r:embed="rId9"/>
          <a:srcRect/>
          <a:stretch>
            <a:fillRect/>
          </a:stretch>
        </p:blipFill>
        <p:spPr>
          <a:xfrm>
            <a:off x="5209412" y="192807"/>
            <a:ext cx="726536" cy="737323"/>
          </a:xfrm>
          <a:prstGeom prst="rect">
            <a:avLst/>
          </a:prstGeom>
        </p:spPr>
      </p:pic>
      <p:pic>
        <p:nvPicPr>
          <p:cNvPr id="7" name="Picture 7"/>
          <p:cNvPicPr>
            <a:picLocks noChangeAspect="1"/>
          </p:cNvPicPr>
          <p:nvPr/>
        </p:nvPicPr>
        <p:blipFill>
          <a:blip r:embed="rId10"/>
          <a:srcRect/>
          <a:stretch>
            <a:fillRect/>
          </a:stretch>
        </p:blipFill>
        <p:spPr>
          <a:xfrm>
            <a:off x="6111339" y="192807"/>
            <a:ext cx="737323" cy="737323"/>
          </a:xfrm>
          <a:prstGeom prst="rect">
            <a:avLst/>
          </a:prstGeom>
        </p:spPr>
      </p:pic>
      <p:pic>
        <p:nvPicPr>
          <p:cNvPr id="8" name="Picture 8">
            <a:hlinkClick r:id="rId11" action="ppaction://hlinksldjump"/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2900936" y="10266405"/>
            <a:ext cx="1398128" cy="1387960"/>
          </a:xfrm>
          <a:prstGeom prst="rect">
            <a:avLst/>
          </a:prstGeom>
        </p:spPr>
      </p:pic>
      <p:pic>
        <p:nvPicPr>
          <p:cNvPr id="10" name="Picture 10"/>
          <p:cNvPicPr>
            <a:picLocks noChangeAspect="1"/>
          </p:cNvPicPr>
          <p:nvPr/>
        </p:nvPicPr>
        <p:blipFill>
          <a:blip r:embed="rId5">
            <a:alphaModFix amt="65000"/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 rot="1776485">
            <a:off x="-2117581" y="-3971489"/>
            <a:ext cx="5034872" cy="5034872"/>
          </a:xfrm>
          <a:prstGeom prst="rect">
            <a:avLst/>
          </a:prstGeom>
        </p:spPr>
      </p:pic>
      <p:grpSp>
        <p:nvGrpSpPr>
          <p:cNvPr id="11" name="Group 11"/>
          <p:cNvGrpSpPr/>
          <p:nvPr/>
        </p:nvGrpSpPr>
        <p:grpSpPr>
          <a:xfrm>
            <a:off x="399855" y="930129"/>
            <a:ext cx="6448806" cy="9201910"/>
            <a:chOff x="0" y="0"/>
            <a:chExt cx="2426662" cy="3462645"/>
          </a:xfrm>
        </p:grpSpPr>
        <p:sp>
          <p:nvSpPr>
            <p:cNvPr id="12" name="Freeform 12"/>
            <p:cNvSpPr/>
            <p:nvPr/>
          </p:nvSpPr>
          <p:spPr>
            <a:xfrm>
              <a:off x="0" y="0"/>
              <a:ext cx="2426662" cy="3462645"/>
            </a:xfrm>
            <a:custGeom>
              <a:avLst/>
              <a:gdLst/>
              <a:ahLst/>
              <a:cxnLst/>
              <a:rect l="l" t="t" r="r" b="b"/>
              <a:pathLst>
                <a:path w="2426662" h="3462645">
                  <a:moveTo>
                    <a:pt x="42018" y="0"/>
                  </a:moveTo>
                  <a:lnTo>
                    <a:pt x="2384644" y="0"/>
                  </a:lnTo>
                  <a:cubicBezTo>
                    <a:pt x="2407850" y="0"/>
                    <a:pt x="2426662" y="18812"/>
                    <a:pt x="2426662" y="42018"/>
                  </a:cubicBezTo>
                  <a:lnTo>
                    <a:pt x="2426662" y="3420626"/>
                  </a:lnTo>
                  <a:cubicBezTo>
                    <a:pt x="2426662" y="3443833"/>
                    <a:pt x="2407850" y="3462645"/>
                    <a:pt x="2384644" y="3462645"/>
                  </a:cubicBezTo>
                  <a:lnTo>
                    <a:pt x="42018" y="3462645"/>
                  </a:lnTo>
                  <a:cubicBezTo>
                    <a:pt x="18812" y="3462645"/>
                    <a:pt x="0" y="3443833"/>
                    <a:pt x="0" y="3420626"/>
                  </a:cubicBezTo>
                  <a:lnTo>
                    <a:pt x="0" y="42018"/>
                  </a:lnTo>
                  <a:cubicBezTo>
                    <a:pt x="0" y="18812"/>
                    <a:pt x="18812" y="0"/>
                    <a:pt x="42018" y="0"/>
                  </a:cubicBezTo>
                  <a:close/>
                </a:path>
              </a:pathLst>
            </a:custGeom>
            <a:solidFill>
              <a:srgbClr val="B09F83">
                <a:alpha val="84706"/>
              </a:srgbClr>
            </a:solidFill>
            <a:ln w="28575">
              <a:solidFill>
                <a:srgbClr val="FFF3D9">
                  <a:alpha val="84706"/>
                </a:srgbClr>
              </a:solidFill>
            </a:ln>
          </p:spPr>
        </p:sp>
        <p:sp>
          <p:nvSpPr>
            <p:cNvPr id="13" name="TextBox 13"/>
            <p:cNvSpPr txBox="1"/>
            <p:nvPr/>
          </p:nvSpPr>
          <p:spPr>
            <a:xfrm>
              <a:off x="0" y="-28575"/>
              <a:ext cx="812800" cy="841375"/>
            </a:xfrm>
            <a:prstGeom prst="rect">
              <a:avLst/>
            </a:prstGeom>
          </p:spPr>
          <p:txBody>
            <a:bodyPr lIns="50800" tIns="50800" rIns="50800" bIns="50800" rtlCol="0" anchor="ctr"/>
            <a:lstStyle/>
            <a:p>
              <a:pPr algn="ctr">
                <a:lnSpc>
                  <a:spcPts val="1960"/>
                </a:lnSpc>
              </a:pPr>
              <a:endParaRPr/>
            </a:p>
          </p:txBody>
        </p:sp>
      </p:grpSp>
      <p:sp>
        <p:nvSpPr>
          <p:cNvPr id="15" name="TextBox 15"/>
          <p:cNvSpPr txBox="1"/>
          <p:nvPr/>
        </p:nvSpPr>
        <p:spPr>
          <a:xfrm>
            <a:off x="418782" y="1256696"/>
            <a:ext cx="6448806" cy="43865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Cara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</a:t>
            </a:r>
            <a:r>
              <a:rPr lang="en-US" sz="2600" dirty="0">
                <a:solidFill>
                  <a:srgbClr val="FFF3D9"/>
                </a:solidFill>
                <a:latin typeface="Comic Sans MS" panose="030F0702030302020204" pitchFamily="66" charset="0"/>
              </a:rPr>
              <a:t> Sunan </a:t>
            </a:r>
            <a:r>
              <a:rPr lang="en-US" sz="2600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endParaRPr lang="en-US" sz="2600" dirty="0">
              <a:solidFill>
                <a:srgbClr val="FFF3D9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TextBox 16"/>
          <p:cNvSpPr txBox="1"/>
          <p:nvPr/>
        </p:nvSpPr>
        <p:spPr>
          <a:xfrm>
            <a:off x="631559" y="2061547"/>
            <a:ext cx="6023252" cy="8049704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just">
              <a:lnSpc>
                <a:spcPts val="3049"/>
              </a:lnSpc>
            </a:pP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lank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kwahnya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, Sunan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ilik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ua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filosof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tuju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ntu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perbaik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dan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ruba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moral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yarakat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agar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ebi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i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ajark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oleh Sunan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mpel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"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Limo".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lam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hasa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awa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,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rtinya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"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" dan "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limo"berart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"lima". </a:t>
            </a:r>
          </a:p>
          <a:p>
            <a:pPr algn="just">
              <a:lnSpc>
                <a:spcPts val="3049"/>
              </a:lnSpc>
            </a:pPr>
            <a:endParaRPr lang="en-US" sz="20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49"/>
              </a:lnSpc>
            </a:pP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Adapun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s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ar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Limo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sebaga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erikut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: </a:t>
            </a:r>
          </a:p>
          <a:p>
            <a:pPr algn="just">
              <a:lnSpc>
                <a:spcPts val="3049"/>
              </a:lnSpc>
            </a:pP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1.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bu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(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bu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/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inum-minum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)</a:t>
            </a:r>
          </a:p>
          <a:p>
            <a:pPr algn="just">
              <a:lnSpc>
                <a:spcPts val="3049"/>
              </a:lnSpc>
            </a:pP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2.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Main (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main/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jud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)</a:t>
            </a:r>
          </a:p>
          <a:p>
            <a:pPr algn="just">
              <a:lnSpc>
                <a:spcPts val="3049"/>
              </a:lnSpc>
            </a:pP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3.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do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(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main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perempu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) </a:t>
            </a:r>
          </a:p>
          <a:p>
            <a:pPr algn="just">
              <a:lnSpc>
                <a:spcPts val="3049"/>
              </a:lnSpc>
            </a:pP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4.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dat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(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maka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obat-obat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)</a:t>
            </a:r>
          </a:p>
          <a:p>
            <a:pPr algn="just">
              <a:lnSpc>
                <a:spcPts val="3049"/>
              </a:lnSpc>
            </a:pP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5.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ling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(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ida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cur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) </a:t>
            </a:r>
          </a:p>
          <a:p>
            <a:pPr algn="just">
              <a:lnSpc>
                <a:spcPts val="3049"/>
              </a:lnSpc>
            </a:pPr>
            <a:endParaRPr lang="en-US" sz="2074" dirty="0">
              <a:solidFill>
                <a:srgbClr val="FFF3D9"/>
              </a:solidFill>
              <a:latin typeface="Comic Sans MS" panose="030F0702030302020204" pitchFamily="66" charset="0"/>
            </a:endParaRPr>
          </a:p>
          <a:p>
            <a:pPr algn="just">
              <a:lnSpc>
                <a:spcPts val="3049"/>
              </a:lnSpc>
            </a:pP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Limo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sambut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ik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oleh Prabu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rawijaya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Bahk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ia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ganggap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Islam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dala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lia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o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Limo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tersebut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hingga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kin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asih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enjadi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ajaran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yang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dipegang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umat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 </a:t>
            </a:r>
            <a:r>
              <a:rPr lang="en-US" sz="2074" dirty="0" err="1">
                <a:solidFill>
                  <a:srgbClr val="FFF3D9"/>
                </a:solidFill>
                <a:latin typeface="Comic Sans MS" panose="030F0702030302020204" pitchFamily="66" charset="0"/>
              </a:rPr>
              <a:t>muslim</a:t>
            </a:r>
            <a:r>
              <a:rPr lang="en-US" sz="2074" dirty="0">
                <a:solidFill>
                  <a:srgbClr val="FFF3D9"/>
                </a:solidFill>
                <a:latin typeface="Comic Sans MS" panose="030F0702030302020204" pitchFamily="66" charset="0"/>
              </a:rPr>
              <a:t>. </a:t>
            </a:r>
          </a:p>
        </p:txBody>
      </p:sp>
      <p:pic>
        <p:nvPicPr>
          <p:cNvPr id="17" name="Graphic 16" descr="Back with solid fill">
            <a:hlinkClick r:id="rId14" action="ppaction://hlinksldjump"/>
            <a:extLst>
              <a:ext uri="{FF2B5EF4-FFF2-40B4-BE49-F238E27FC236}">
                <a16:creationId xmlns:a16="http://schemas.microsoft.com/office/drawing/2014/main" id="{DB494C98-45B3-3DE2-4416-4A4294088BAA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>
            <a:off x="-13439" y="9862938"/>
            <a:ext cx="2459183" cy="2277462"/>
          </a:xfrm>
          <a:prstGeom prst="rect">
            <a:avLst/>
          </a:prstGeom>
        </p:spPr>
      </p:pic>
      <p:pic>
        <p:nvPicPr>
          <p:cNvPr id="9" name="Picture 14">
            <a:extLst>
              <a:ext uri="{FF2B5EF4-FFF2-40B4-BE49-F238E27FC236}">
                <a16:creationId xmlns:a16="http://schemas.microsoft.com/office/drawing/2014/main" id="{988C2952-222F-9A4A-BC02-1C2110A6783D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8"/>
              </a:ext>
            </a:extLst>
          </a:blip>
          <a:srcRect/>
          <a:stretch>
            <a:fillRect/>
          </a:stretch>
        </p:blipFill>
        <p:spPr>
          <a:xfrm>
            <a:off x="4966949" y="10504177"/>
            <a:ext cx="1937998" cy="1274234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-SUITE_ISPRING_CURRENT_PLAYER_ID" val="none"/>
  <p:tag name="ISPRING_LMS_API_VERSION" val="SCORM 2004 (4th edition)"/>
  <p:tag name="ISPRING_ULTRA_SCORM_COURSE_ID" val="C279337D-DAD7-4E2B-86E8-079B662B8FE4"/>
  <p:tag name="ISPRING_CMI5_LAUNCH_METHOD" val="any window"/>
  <p:tag name="ISPRINGCLOUDFOLDERID" val="1"/>
  <p:tag name="ISPRINGONLINEFOLDERID" val="1"/>
  <p:tag name="ISPRING_OUTPUT_FOLDER" val="[[&quot;)`T\uFFFD{FFB6269C-1011-462F-83AA-3D43CE6267D8}&quot;,&quot;D:\\__nguliyeahhh\\__nguliyeahh\\Semester 3\\wirausaha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none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,&quot;videoScale&quot;:84.1121521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PASSING_SCORE" val="0.000000"/>
  <p:tag name="ISPRING_FIRST_PUBLISH" val="1"/>
  <p:tag name="ISPRING_PLAYERS_CUSTOMIZATION_2" val="UEsDBBQAAgAIADZZplJ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"/>
  <p:tag name="ISPRING_CURRENT_PLAYER_ID" val="none"/>
  <p:tag name="ISPRING_ULTRA_SCORM_COURCE_TITLE" val="Wali Sangaa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  <p:tag name="ISPRING_PRESENTATION_TITLE" val="Wali Sangaa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A05E9DE-FCC2-4692-B39C-5B4F04A377F3}:26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DD82F45-ECFE-4FDD-A699-0C889383C0CE}:265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6AB4720-FC4D-4DFB-B897-3D19F5AB0C7F}:266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5486D00-CCC4-4F4B-B214-5FC96BCD0906}:267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A61FB79-4940-4150-AF3D-1E5AE45AAB76}:268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077D0F5-B5F5-46E6-B5AD-DD501C56128D}:269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851A1D-7868-4A03-BF7F-CE95C1E5FC8D}:270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9758EFD-17D1-409A-86A8-74CD4CBCF73B}:27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EF7B6E-D259-4CDD-8081-734D5A60B803}:272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78B489F-C1E1-4B3E-BC6F-0D66811412AD}:27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FEDBDDB-F02A-4F6E-9AD4-B4DAD4C3B11D}:256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41A2F82-858F-4686-A84E-7BADADE32199}:274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3020923-ABD2-4CF9-9D15-19171C90DB6A}:275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5972FA-C510-4B56-9891-B4ABE7EFE7E3}:276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78C398-4F57-42A2-B142-C86F8141E7FB}:277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2B758E6-7447-40F9-BF50-CFF1D8FE31B1}:278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1C250FC-04D0-4681-8565-6FA380F50B99}:279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5E99E22-2725-4369-87DA-A54149EBE545}:280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DF13AA6-E850-400C-816B-76AE417F78DF}:28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124594F-CEC1-4D26-876B-B92CE2E6419B}:282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31F327D-9D5E-4412-9251-FCAFE5053437}:28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8A14980-7652-4840-A768-0AE6EEABCC76}:257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FD953F-14F7-40EB-9E0D-EE033FB281B8}:284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F7058DD-6FE9-4925-AE80-E55A68577D8B}:285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B6079E1-C7C1-4CF3-8D16-F6DB8244F78E}:28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2AB606-9FF9-4284-9509-0227E962C629}:25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0E226E2-245D-4AA0-8E19-B7992744629C}:25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737C4B7-F4CB-4920-B193-3F0CB1A8CD20}:26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3CF060-DB2B-4F29-9474-B318FEFE0DB4}:26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323E082-EFD5-4A66-BF80-C4DFC3600515}:26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F9580CE-2B79-4986-AE9B-CFEF02B09EA0}:263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 2013 - 2022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70</TotalTime>
  <Words>2766</Words>
  <Application>Microsoft Office PowerPoint</Application>
  <PresentationFormat>Custom</PresentationFormat>
  <Paragraphs>266</Paragraphs>
  <Slides>31</Slides>
  <Notes>31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1</vt:i4>
      </vt:variant>
    </vt:vector>
  </HeadingPairs>
  <TitlesOfParts>
    <vt:vector size="35" baseType="lpstr">
      <vt:lpstr>Comic Sans MS</vt:lpstr>
      <vt:lpstr>Calibri</vt:lpstr>
      <vt:lpstr>Arial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Wali Sangaa</dc:title>
  <cp:lastModifiedBy>nazila basuin</cp:lastModifiedBy>
  <cp:revision>18</cp:revision>
  <dcterms:created xsi:type="dcterms:W3CDTF">2006-08-16T00:00:00Z</dcterms:created>
  <dcterms:modified xsi:type="dcterms:W3CDTF">2022-12-19T06:06:00Z</dcterms:modified>
  <dc:identifier>DAFU7Bd-1oQ</dc:identifier>
</cp:coreProperties>
</file>